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theme/theme3.xml" ContentType="application/vnd.openxmlformats-officedocument.theme+xml"/>
  <Override PartName="/ppt/theme/theme4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862" r:id="rId1"/>
    <p:sldMasterId id="2147483875" r:id="rId2"/>
    <p:sldMasterId id="2147483887" r:id="rId3"/>
  </p:sldMasterIdLst>
  <p:notesMasterIdLst>
    <p:notesMasterId r:id="rId16"/>
  </p:notesMasterIdLst>
  <p:sldIdLst>
    <p:sldId id="256" r:id="rId4"/>
    <p:sldId id="261" r:id="rId5"/>
    <p:sldId id="267" r:id="rId6"/>
    <p:sldId id="268" r:id="rId7"/>
    <p:sldId id="265" r:id="rId8"/>
    <p:sldId id="271" r:id="rId9"/>
    <p:sldId id="269" r:id="rId10"/>
    <p:sldId id="272" r:id="rId11"/>
    <p:sldId id="257" r:id="rId12"/>
    <p:sldId id="259" r:id="rId13"/>
    <p:sldId id="260" r:id="rId14"/>
    <p:sldId id="266" r:id="rId15"/>
  </p:sldIdLst>
  <p:sldSz cx="12192000" cy="6858000"/>
  <p:notesSz cx="6858000" cy="9144000"/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000" autoAdjust="0"/>
    <p:restoredTop sz="94660"/>
  </p:normalViewPr>
  <p:slideViewPr>
    <p:cSldViewPr snapToGrid="0">
      <p:cViewPr varScale="1">
        <p:scale>
          <a:sx n="74" d="100"/>
          <a:sy n="74" d="100"/>
        </p:scale>
        <p:origin x="576" y="7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5.xml"/><Relationship Id="rId13" Type="http://schemas.openxmlformats.org/officeDocument/2006/relationships/slide" Target="slides/slide10.xml"/><Relationship Id="rId18" Type="http://schemas.openxmlformats.org/officeDocument/2006/relationships/viewProps" Target="viewProps.xml"/><Relationship Id="rId3" Type="http://schemas.openxmlformats.org/officeDocument/2006/relationships/slideMaster" Target="slideMasters/slideMaster3.xml"/><Relationship Id="rId7" Type="http://schemas.openxmlformats.org/officeDocument/2006/relationships/slide" Target="slides/slide4.xml"/><Relationship Id="rId12" Type="http://schemas.openxmlformats.org/officeDocument/2006/relationships/slide" Target="slides/slide9.xml"/><Relationship Id="rId17" Type="http://schemas.openxmlformats.org/officeDocument/2006/relationships/presProps" Target="presProps.xml"/><Relationship Id="rId2" Type="http://schemas.openxmlformats.org/officeDocument/2006/relationships/slideMaster" Target="slideMasters/slideMaster2.xml"/><Relationship Id="rId16" Type="http://schemas.openxmlformats.org/officeDocument/2006/relationships/notesMaster" Target="notesMasters/notesMaster1.xml"/><Relationship Id="rId20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3.xml"/><Relationship Id="rId11" Type="http://schemas.openxmlformats.org/officeDocument/2006/relationships/slide" Target="slides/slide8.xml"/><Relationship Id="rId5" Type="http://schemas.openxmlformats.org/officeDocument/2006/relationships/slide" Target="slides/slide2.xml"/><Relationship Id="rId15" Type="http://schemas.openxmlformats.org/officeDocument/2006/relationships/slide" Target="slides/slide12.xml"/><Relationship Id="rId10" Type="http://schemas.openxmlformats.org/officeDocument/2006/relationships/slide" Target="slides/slide7.xml"/><Relationship Id="rId19" Type="http://schemas.openxmlformats.org/officeDocument/2006/relationships/theme" Target="theme/theme1.xml"/><Relationship Id="rId4" Type="http://schemas.openxmlformats.org/officeDocument/2006/relationships/slide" Target="slides/slide1.xml"/><Relationship Id="rId9" Type="http://schemas.openxmlformats.org/officeDocument/2006/relationships/slide" Target="slides/slide6.xml"/><Relationship Id="rId14" Type="http://schemas.openxmlformats.org/officeDocument/2006/relationships/slide" Target="slides/slide1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5C7AF67A-E6E3-49BE-9F34-989DFC891A62}" type="datetimeFigureOut">
              <a:rPr lang="de-DE" smtClean="0"/>
              <a:t>13.04.2015</a:t>
            </a:fld>
            <a:endParaRPr lang="de-DE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DE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de-DE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E1468DB-8534-4EA8-84BD-BF9D0CF3DE0F}" type="slidenum">
              <a:rPr lang="de-DE" smtClean="0"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5390047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FCADC7E-2F13-4AAC-B9D5-8C2881E51754}" type="slidenum">
              <a:rPr lang="de-CH" smtClean="0"/>
              <a:t>9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46992132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FCADC7E-2F13-4AAC-B9D5-8C2881E51754}" type="slidenum">
              <a:rPr lang="de-CH" smtClean="0"/>
              <a:t>10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44141975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FCADC7E-2F13-4AAC-B9D5-8C2881E51754}" type="slidenum">
              <a:rPr lang="de-CH" smtClean="0"/>
              <a:t>11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89425968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4530"/>
            <a:ext cx="9144000" cy="2387600"/>
          </a:xfrm>
        </p:spPr>
        <p:txBody>
          <a:bodyPr anchor="b">
            <a:normAutofit/>
          </a:bodyPr>
          <a:lstStyle>
            <a:lvl1pPr algn="ctr">
              <a:defRPr sz="6000" cap="all" baseline="0">
                <a:latin typeface="Tw Cen MT Condensed" panose="020B0606020104020203" pitchFamily="34" charset="0"/>
              </a:defRPr>
            </a:lvl1pPr>
          </a:lstStyle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>
            <a:normAutofit/>
          </a:bodyPr>
          <a:lstStyle>
            <a:lvl1pPr marL="0" indent="0" algn="ctr">
              <a:buNone/>
              <a:defRPr sz="2400" cap="all" baseline="0">
                <a:solidFill>
                  <a:schemeClr val="tx1">
                    <a:lumMod val="75000"/>
                    <a:lumOff val="25000"/>
                  </a:schemeClr>
                </a:solidFill>
                <a:latin typeface="Tw Cen MT Condensed" panose="020B0606020104020203" pitchFamily="34" charset="0"/>
              </a:defRPr>
            </a:lvl1pPr>
            <a:lvl2pPr marL="457200" indent="0" algn="ctr">
              <a:buNone/>
              <a:defRPr sz="2800"/>
            </a:lvl2pPr>
            <a:lvl3pPr marL="914400" indent="0" algn="ctr">
              <a:buNone/>
              <a:defRPr sz="24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en-US" dirty="0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0CAC14-90DC-46F0-99D6-0463D06BAB66}" type="datetimeFigureOut">
              <a:rPr lang="de-DE" smtClean="0"/>
              <a:t>13.04.2015</a:t>
            </a:fld>
            <a:endParaRPr lang="de-D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8194BC-916F-41B5-B3E6-E2C702EC6391}" type="slidenum">
              <a:rPr lang="de-DE" smtClean="0"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68981759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0CAC14-90DC-46F0-99D6-0463D06BAB66}" type="datetimeFigureOut">
              <a:rPr lang="de-DE" smtClean="0"/>
              <a:t>13.04.2015</a:t>
            </a:fld>
            <a:endParaRPr lang="de-D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8194BC-916F-41B5-B3E6-E2C702EC6391}" type="slidenum">
              <a:rPr lang="de-DE" smtClean="0"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30245921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0362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0362"/>
            <a:ext cx="7734300" cy="5811837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0CAC14-90DC-46F0-99D6-0463D06BAB66}" type="datetimeFigureOut">
              <a:rPr lang="de-DE" smtClean="0"/>
              <a:t>13.04.2015</a:t>
            </a:fld>
            <a:endParaRPr lang="de-D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8194BC-916F-41B5-B3E6-E2C702EC6391}" type="slidenum">
              <a:rPr lang="de-DE" smtClean="0"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311003366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4530"/>
            <a:ext cx="9144000" cy="2387600"/>
          </a:xfrm>
        </p:spPr>
        <p:txBody>
          <a:bodyPr anchor="b">
            <a:normAutofit/>
          </a:bodyPr>
          <a:lstStyle>
            <a:lvl1pPr algn="ctr">
              <a:defRPr sz="6000" cap="all" baseline="0">
                <a:latin typeface="Tw Cen MT Condensed" panose="020B0606020104020203" pitchFamily="34" charset="0"/>
              </a:defRPr>
            </a:lvl1pPr>
          </a:lstStyle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>
            <a:normAutofit/>
          </a:bodyPr>
          <a:lstStyle>
            <a:lvl1pPr marL="0" indent="0" algn="ctr">
              <a:buNone/>
              <a:defRPr sz="2400" cap="all" baseline="0">
                <a:solidFill>
                  <a:schemeClr val="tx1">
                    <a:lumMod val="75000"/>
                    <a:lumOff val="25000"/>
                  </a:schemeClr>
                </a:solidFill>
                <a:latin typeface="Tw Cen MT Condensed" panose="020B0606020104020203" pitchFamily="34" charset="0"/>
              </a:defRPr>
            </a:lvl1pPr>
            <a:lvl2pPr marL="457200" indent="0" algn="ctr">
              <a:buNone/>
              <a:defRPr sz="2800"/>
            </a:lvl2pPr>
            <a:lvl3pPr marL="914400" indent="0" algn="ctr">
              <a:buNone/>
              <a:defRPr sz="24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en-US" dirty="0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0CAC14-90DC-46F0-99D6-0463D06BAB66}" type="datetimeFigureOut">
              <a:rPr lang="de-DE" smtClean="0"/>
              <a:t>13.04.2015</a:t>
            </a:fld>
            <a:endParaRPr lang="de-D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8194BC-916F-41B5-B3E6-E2C702EC6391}" type="slidenum">
              <a:rPr lang="de-DE" smtClean="0"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76031786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cap="all" baseline="0">
                <a:latin typeface="Tw Cen MT Condensed" panose="020B0606020104020203" pitchFamily="34" charset="0"/>
              </a:defRPr>
            </a:lvl1pPr>
          </a:lstStyle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0CAC14-90DC-46F0-99D6-0463D06BAB66}" type="datetimeFigureOut">
              <a:rPr lang="de-DE" smtClean="0"/>
              <a:t>13.04.2015</a:t>
            </a:fld>
            <a:endParaRPr lang="de-D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8194BC-916F-41B5-B3E6-E2C702EC6391}" type="slidenum">
              <a:rPr lang="de-DE" smtClean="0"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361560491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12423"/>
            <a:ext cx="10515600" cy="2851208"/>
          </a:xfrm>
        </p:spPr>
        <p:txBody>
          <a:bodyPr anchor="b">
            <a:normAutofit/>
          </a:bodyPr>
          <a:lstStyle>
            <a:lvl1pPr>
              <a:defRPr sz="6000" b="0"/>
            </a:lvl1pPr>
          </a:lstStyle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52633"/>
            <a:ext cx="10515600" cy="1500187"/>
          </a:xfrm>
        </p:spPr>
        <p:txBody>
          <a:bodyPr anchor="t">
            <a:normAutofit/>
          </a:bodyPr>
          <a:lstStyle>
            <a:lvl1pPr marL="0" indent="0"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0CAC14-90DC-46F0-99D6-0463D06BAB66}" type="datetimeFigureOut">
              <a:rPr lang="de-DE" smtClean="0"/>
              <a:t>13.04.2015</a:t>
            </a:fld>
            <a:endParaRPr lang="de-D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8194BC-916F-41B5-B3E6-E2C702EC6391}" type="slidenum">
              <a:rPr lang="de-DE" smtClean="0"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96936319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cap="all" baseline="0">
                <a:latin typeface="Tw Cen MT Condensed" panose="020B0606020104020203" pitchFamily="34" charset="0"/>
              </a:defRPr>
            </a:lvl1pPr>
          </a:lstStyle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45127" y="1828800"/>
            <a:ext cx="5181600" cy="4351337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8800"/>
            <a:ext cx="5181600" cy="4351337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0CAC14-90DC-46F0-99D6-0463D06BAB66}" type="datetimeFigureOut">
              <a:rPr lang="de-DE" smtClean="0"/>
              <a:t>13.04.2015</a:t>
            </a:fld>
            <a:endParaRPr lang="de-DE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8194BC-916F-41B5-B3E6-E2C702EC6391}" type="slidenum">
              <a:rPr lang="de-DE" smtClean="0"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495781809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5127" y="1681850"/>
            <a:ext cx="5156200" cy="825699"/>
          </a:xfrm>
        </p:spPr>
        <p:txBody>
          <a:bodyPr anchor="b">
            <a:normAutofit/>
          </a:bodyPr>
          <a:lstStyle>
            <a:lvl1pPr marL="0" indent="0">
              <a:spcBef>
                <a:spcPts val="0"/>
              </a:spcBef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45127" y="2507550"/>
            <a:ext cx="5156200" cy="3680525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851"/>
            <a:ext cx="5181601" cy="825698"/>
          </a:xfrm>
        </p:spPr>
        <p:txBody>
          <a:bodyPr anchor="b"/>
          <a:lstStyle>
            <a:lvl1pPr marL="0" indent="0">
              <a:spcBef>
                <a:spcPts val="0"/>
              </a:spcBef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7550"/>
            <a:ext cx="5181601" cy="3680525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0CAC14-90DC-46F0-99D6-0463D06BAB66}" type="datetimeFigureOut">
              <a:rPr lang="de-DE" smtClean="0"/>
              <a:t>13.04.2015</a:t>
            </a:fld>
            <a:endParaRPr lang="de-DE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8194BC-916F-41B5-B3E6-E2C702EC6391}" type="slidenum">
              <a:rPr lang="de-DE" smtClean="0"/>
              <a:t>‹#›</a:t>
            </a:fld>
            <a:endParaRPr lang="de-DE"/>
          </a:p>
        </p:txBody>
      </p:sp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cap="all" baseline="0">
                <a:latin typeface="Tw Cen MT Condensed" panose="020B0606020104020203" pitchFamily="34" charset="0"/>
              </a:defRPr>
            </a:lvl1pPr>
          </a:lstStyle>
          <a:p>
            <a:r>
              <a:rPr lang="en-US" dirty="0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69071556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0CAC14-90DC-46F0-99D6-0463D06BAB66}" type="datetimeFigureOut">
              <a:rPr lang="de-DE" smtClean="0"/>
              <a:t>13.04.2015</a:t>
            </a:fld>
            <a:endParaRPr lang="de-DE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8194BC-916F-41B5-B3E6-E2C702EC6391}" type="slidenum">
              <a:rPr lang="de-DE" smtClean="0"/>
              <a:t>‹#›</a:t>
            </a:fld>
            <a:endParaRPr lang="de-DE"/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9598360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0CAC14-90DC-46F0-99D6-0463D06BAB66}" type="datetimeFigureOut">
              <a:rPr lang="de-DE" smtClean="0"/>
              <a:t>13.04.2015</a:t>
            </a:fld>
            <a:endParaRPr lang="de-DE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8194BC-916F-41B5-B3E6-E2C702EC6391}" type="slidenum">
              <a:rPr lang="de-DE" smtClean="0"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949901116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931920" cy="1600197"/>
          </a:xfrm>
        </p:spPr>
        <p:txBody>
          <a:bodyPr anchor="b">
            <a:normAutofit/>
          </a:bodyPr>
          <a:lstStyle>
            <a:lvl1pPr>
              <a:defRPr sz="3200" b="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1600" y="990600"/>
            <a:ext cx="6172200" cy="4876800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57399"/>
            <a:ext cx="3931920" cy="3810001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0CAC14-90DC-46F0-99D6-0463D06BAB66}" type="datetimeFigureOut">
              <a:rPr lang="de-DE" smtClean="0"/>
              <a:t>13.04.2015</a:t>
            </a:fld>
            <a:endParaRPr lang="de-DE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8194BC-916F-41B5-B3E6-E2C702EC6391}" type="slidenum">
              <a:rPr lang="de-DE" smtClean="0"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03044534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0CAC14-90DC-46F0-99D6-0463D06BAB66}" type="datetimeFigureOut">
              <a:rPr lang="de-DE" smtClean="0"/>
              <a:t>13.04.2015</a:t>
            </a:fld>
            <a:endParaRPr lang="de-D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8194BC-916F-41B5-B3E6-E2C702EC6391}" type="slidenum">
              <a:rPr lang="de-DE" smtClean="0"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982971245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931920" cy="1600200"/>
          </a:xfrm>
        </p:spPr>
        <p:txBody>
          <a:bodyPr anchor="b">
            <a:normAutofit/>
          </a:bodyPr>
          <a:lstStyle>
            <a:lvl1pPr>
              <a:defRPr sz="3200" b="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1600" y="990600"/>
            <a:ext cx="6172200" cy="4876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57400"/>
            <a:ext cx="3931920" cy="3810000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0CAC14-90DC-46F0-99D6-0463D06BAB66}" type="datetimeFigureOut">
              <a:rPr lang="de-DE" smtClean="0"/>
              <a:t>13.04.2015</a:t>
            </a:fld>
            <a:endParaRPr lang="de-DE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8194BC-916F-41B5-B3E6-E2C702EC6391}" type="slidenum">
              <a:rPr lang="de-DE" smtClean="0"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684282191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0CAC14-90DC-46F0-99D6-0463D06BAB66}" type="datetimeFigureOut">
              <a:rPr lang="de-DE" smtClean="0"/>
              <a:t>13.04.2015</a:t>
            </a:fld>
            <a:endParaRPr lang="de-D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8194BC-916F-41B5-B3E6-E2C702EC6391}" type="slidenum">
              <a:rPr lang="de-DE" smtClean="0"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591231295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0362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0362"/>
            <a:ext cx="7734300" cy="5811837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0CAC14-90DC-46F0-99D6-0463D06BAB66}" type="datetimeFigureOut">
              <a:rPr lang="de-DE" smtClean="0"/>
              <a:t>13.04.2015</a:t>
            </a:fld>
            <a:endParaRPr lang="de-D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8194BC-916F-41B5-B3E6-E2C702EC6391}" type="slidenum">
              <a:rPr lang="de-DE" smtClean="0"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7013031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4530"/>
            <a:ext cx="9144000" cy="2387600"/>
          </a:xfrm>
        </p:spPr>
        <p:txBody>
          <a:bodyPr anchor="b">
            <a:normAutofit/>
          </a:bodyPr>
          <a:lstStyle>
            <a:lvl1pPr algn="ctr">
              <a:defRPr sz="6000" cap="all" baseline="0">
                <a:latin typeface="Tw Cen MT Condensed" panose="020B0606020104020203" pitchFamily="34" charset="0"/>
              </a:defRPr>
            </a:lvl1pPr>
          </a:lstStyle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>
            <a:normAutofit/>
          </a:bodyPr>
          <a:lstStyle>
            <a:lvl1pPr marL="0" indent="0" algn="ctr">
              <a:buNone/>
              <a:defRPr sz="2400" cap="all" baseline="0">
                <a:solidFill>
                  <a:schemeClr val="tx1">
                    <a:lumMod val="75000"/>
                    <a:lumOff val="25000"/>
                  </a:schemeClr>
                </a:solidFill>
                <a:latin typeface="Tw Cen MT Condensed" panose="020B0606020104020203" pitchFamily="34" charset="0"/>
              </a:defRPr>
            </a:lvl1pPr>
            <a:lvl2pPr marL="457200" indent="0" algn="ctr">
              <a:buNone/>
              <a:defRPr sz="2800"/>
            </a:lvl2pPr>
            <a:lvl3pPr marL="914400" indent="0" algn="ctr">
              <a:buNone/>
              <a:defRPr sz="24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en-US" dirty="0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0CAC14-90DC-46F0-99D6-0463D06BAB66}" type="datetimeFigureOut">
              <a:rPr lang="de-DE" smtClean="0"/>
              <a:t>13.04.2015</a:t>
            </a:fld>
            <a:endParaRPr lang="de-D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8194BC-916F-41B5-B3E6-E2C702EC6391}" type="slidenum">
              <a:rPr lang="de-DE" smtClean="0"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26689657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cap="all" baseline="0">
                <a:latin typeface="Tw Cen MT Condensed" panose="020B0606020104020203" pitchFamily="34" charset="0"/>
              </a:defRPr>
            </a:lvl1pPr>
          </a:lstStyle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0CAC14-90DC-46F0-99D6-0463D06BAB66}" type="datetimeFigureOut">
              <a:rPr lang="de-DE" smtClean="0"/>
              <a:t>13.04.2015</a:t>
            </a:fld>
            <a:endParaRPr lang="de-D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8194BC-916F-41B5-B3E6-E2C702EC6391}" type="slidenum">
              <a:rPr lang="de-DE" smtClean="0"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526813047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12423"/>
            <a:ext cx="10515600" cy="2851208"/>
          </a:xfrm>
        </p:spPr>
        <p:txBody>
          <a:bodyPr anchor="b">
            <a:normAutofit/>
          </a:bodyPr>
          <a:lstStyle>
            <a:lvl1pPr>
              <a:defRPr sz="6000" b="0"/>
            </a:lvl1pPr>
          </a:lstStyle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52633"/>
            <a:ext cx="10515600" cy="1500187"/>
          </a:xfrm>
        </p:spPr>
        <p:txBody>
          <a:bodyPr anchor="t">
            <a:normAutofit/>
          </a:bodyPr>
          <a:lstStyle>
            <a:lvl1pPr marL="0" indent="0"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0CAC14-90DC-46F0-99D6-0463D06BAB66}" type="datetimeFigureOut">
              <a:rPr lang="de-DE" smtClean="0"/>
              <a:t>13.04.2015</a:t>
            </a:fld>
            <a:endParaRPr lang="de-D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8194BC-916F-41B5-B3E6-E2C702EC6391}" type="slidenum">
              <a:rPr lang="de-DE" smtClean="0"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17117003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cap="all" baseline="0">
                <a:latin typeface="Tw Cen MT Condensed" panose="020B0606020104020203" pitchFamily="34" charset="0"/>
              </a:defRPr>
            </a:lvl1pPr>
          </a:lstStyle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45127" y="1828800"/>
            <a:ext cx="5181600" cy="4351337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8800"/>
            <a:ext cx="5181600" cy="4351337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0CAC14-90DC-46F0-99D6-0463D06BAB66}" type="datetimeFigureOut">
              <a:rPr lang="de-DE" smtClean="0"/>
              <a:t>13.04.2015</a:t>
            </a:fld>
            <a:endParaRPr lang="de-DE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8194BC-916F-41B5-B3E6-E2C702EC6391}" type="slidenum">
              <a:rPr lang="de-DE" smtClean="0"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39366625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5127" y="1681850"/>
            <a:ext cx="5156200" cy="825699"/>
          </a:xfrm>
        </p:spPr>
        <p:txBody>
          <a:bodyPr anchor="b">
            <a:normAutofit/>
          </a:bodyPr>
          <a:lstStyle>
            <a:lvl1pPr marL="0" indent="0">
              <a:spcBef>
                <a:spcPts val="0"/>
              </a:spcBef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45127" y="2507550"/>
            <a:ext cx="5156200" cy="3680525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851"/>
            <a:ext cx="5181601" cy="825698"/>
          </a:xfrm>
        </p:spPr>
        <p:txBody>
          <a:bodyPr anchor="b"/>
          <a:lstStyle>
            <a:lvl1pPr marL="0" indent="0">
              <a:spcBef>
                <a:spcPts val="0"/>
              </a:spcBef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7550"/>
            <a:ext cx="5181601" cy="3680525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0CAC14-90DC-46F0-99D6-0463D06BAB66}" type="datetimeFigureOut">
              <a:rPr lang="de-DE" smtClean="0"/>
              <a:t>13.04.2015</a:t>
            </a:fld>
            <a:endParaRPr lang="de-DE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8194BC-916F-41B5-B3E6-E2C702EC6391}" type="slidenum">
              <a:rPr lang="de-DE" smtClean="0"/>
              <a:t>‹#›</a:t>
            </a:fld>
            <a:endParaRPr lang="de-DE"/>
          </a:p>
        </p:txBody>
      </p:sp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cap="all" baseline="0">
                <a:latin typeface="Tw Cen MT Condensed" panose="020B0606020104020203" pitchFamily="34" charset="0"/>
              </a:defRPr>
            </a:lvl1pPr>
          </a:lstStyle>
          <a:p>
            <a:r>
              <a:rPr lang="en-US" dirty="0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80605778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0CAC14-90DC-46F0-99D6-0463D06BAB66}" type="datetimeFigureOut">
              <a:rPr lang="de-DE" smtClean="0"/>
              <a:t>13.04.2015</a:t>
            </a:fld>
            <a:endParaRPr lang="de-DE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8194BC-916F-41B5-B3E6-E2C702EC6391}" type="slidenum">
              <a:rPr lang="de-DE" smtClean="0"/>
              <a:t>‹#›</a:t>
            </a:fld>
            <a:endParaRPr lang="de-DE"/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28778147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0CAC14-90DC-46F0-99D6-0463D06BAB66}" type="datetimeFigureOut">
              <a:rPr lang="de-DE" smtClean="0"/>
              <a:t>13.04.2015</a:t>
            </a:fld>
            <a:endParaRPr lang="de-DE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8194BC-916F-41B5-B3E6-E2C702EC6391}" type="slidenum">
              <a:rPr lang="de-DE" smtClean="0"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28330410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12423"/>
            <a:ext cx="10515600" cy="2851208"/>
          </a:xfrm>
        </p:spPr>
        <p:txBody>
          <a:bodyPr anchor="b">
            <a:normAutofit/>
          </a:bodyPr>
          <a:lstStyle>
            <a:lvl1pPr>
              <a:defRPr sz="6000" b="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52633"/>
            <a:ext cx="10515600" cy="1500187"/>
          </a:xfrm>
        </p:spPr>
        <p:txBody>
          <a:bodyPr anchor="t">
            <a:normAutofit/>
          </a:bodyPr>
          <a:lstStyle>
            <a:lvl1pPr marL="0" indent="0"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0CAC14-90DC-46F0-99D6-0463D06BAB66}" type="datetimeFigureOut">
              <a:rPr lang="de-DE" smtClean="0"/>
              <a:t>13.04.2015</a:t>
            </a:fld>
            <a:endParaRPr lang="de-D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8194BC-916F-41B5-B3E6-E2C702EC6391}" type="slidenum">
              <a:rPr lang="de-DE" smtClean="0"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53219000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931920" cy="1600197"/>
          </a:xfrm>
        </p:spPr>
        <p:txBody>
          <a:bodyPr anchor="b">
            <a:normAutofit/>
          </a:bodyPr>
          <a:lstStyle>
            <a:lvl1pPr>
              <a:defRPr sz="3200" b="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1600" y="990600"/>
            <a:ext cx="6172200" cy="4876800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57399"/>
            <a:ext cx="3931920" cy="3810001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0CAC14-90DC-46F0-99D6-0463D06BAB66}" type="datetimeFigureOut">
              <a:rPr lang="de-DE" smtClean="0"/>
              <a:t>13.04.2015</a:t>
            </a:fld>
            <a:endParaRPr lang="de-DE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8194BC-916F-41B5-B3E6-E2C702EC6391}" type="slidenum">
              <a:rPr lang="de-DE" smtClean="0"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260491109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931920" cy="1600200"/>
          </a:xfrm>
        </p:spPr>
        <p:txBody>
          <a:bodyPr anchor="b">
            <a:normAutofit/>
          </a:bodyPr>
          <a:lstStyle>
            <a:lvl1pPr>
              <a:defRPr sz="3200" b="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1600" y="990600"/>
            <a:ext cx="6172200" cy="4876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57400"/>
            <a:ext cx="3931920" cy="3810000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0CAC14-90DC-46F0-99D6-0463D06BAB66}" type="datetimeFigureOut">
              <a:rPr lang="de-DE" smtClean="0"/>
              <a:t>13.04.2015</a:t>
            </a:fld>
            <a:endParaRPr lang="de-DE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8194BC-916F-41B5-B3E6-E2C702EC6391}" type="slidenum">
              <a:rPr lang="de-DE" smtClean="0"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960969841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0CAC14-90DC-46F0-99D6-0463D06BAB66}" type="datetimeFigureOut">
              <a:rPr lang="de-DE" smtClean="0"/>
              <a:t>13.04.2015</a:t>
            </a:fld>
            <a:endParaRPr lang="de-D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8194BC-916F-41B5-B3E6-E2C702EC6391}" type="slidenum">
              <a:rPr lang="de-DE" smtClean="0"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862778782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0362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0362"/>
            <a:ext cx="7734300" cy="5811837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0CAC14-90DC-46F0-99D6-0463D06BAB66}" type="datetimeFigureOut">
              <a:rPr lang="de-DE" smtClean="0"/>
              <a:t>13.04.2015</a:t>
            </a:fld>
            <a:endParaRPr lang="de-D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8194BC-916F-41B5-B3E6-E2C702EC6391}" type="slidenum">
              <a:rPr lang="de-DE" smtClean="0"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98164653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45127" y="1828800"/>
            <a:ext cx="5181600" cy="4351337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8800"/>
            <a:ext cx="5181600" cy="4351337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0CAC14-90DC-46F0-99D6-0463D06BAB66}" type="datetimeFigureOut">
              <a:rPr lang="de-DE" smtClean="0"/>
              <a:t>13.04.2015</a:t>
            </a:fld>
            <a:endParaRPr lang="de-DE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8194BC-916F-41B5-B3E6-E2C702EC6391}" type="slidenum">
              <a:rPr lang="de-DE" smtClean="0"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91650313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5127" y="1681850"/>
            <a:ext cx="5156200" cy="825699"/>
          </a:xfrm>
        </p:spPr>
        <p:txBody>
          <a:bodyPr anchor="b">
            <a:normAutofit/>
          </a:bodyPr>
          <a:lstStyle>
            <a:lvl1pPr marL="0" indent="0">
              <a:spcBef>
                <a:spcPts val="0"/>
              </a:spcBef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45127" y="2507550"/>
            <a:ext cx="5156200" cy="3680525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851"/>
            <a:ext cx="5181601" cy="825698"/>
          </a:xfrm>
        </p:spPr>
        <p:txBody>
          <a:bodyPr anchor="b"/>
          <a:lstStyle>
            <a:lvl1pPr marL="0" indent="0">
              <a:spcBef>
                <a:spcPts val="0"/>
              </a:spcBef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7550"/>
            <a:ext cx="5181601" cy="3680525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0CAC14-90DC-46F0-99D6-0463D06BAB66}" type="datetimeFigureOut">
              <a:rPr lang="de-DE" smtClean="0"/>
              <a:t>13.04.2015</a:t>
            </a:fld>
            <a:endParaRPr lang="de-DE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8194BC-916F-41B5-B3E6-E2C702EC6391}" type="slidenum">
              <a:rPr lang="de-DE" smtClean="0"/>
              <a:t>‹#›</a:t>
            </a:fld>
            <a:endParaRPr lang="de-DE"/>
          </a:p>
        </p:txBody>
      </p:sp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1725760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0CAC14-90DC-46F0-99D6-0463D06BAB66}" type="datetimeFigureOut">
              <a:rPr lang="de-DE" smtClean="0"/>
              <a:t>13.04.2015</a:t>
            </a:fld>
            <a:endParaRPr lang="de-DE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8194BC-916F-41B5-B3E6-E2C702EC6391}" type="slidenum">
              <a:rPr lang="de-DE" smtClean="0"/>
              <a:t>‹#›</a:t>
            </a:fld>
            <a:endParaRPr lang="de-DE"/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9384387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0CAC14-90DC-46F0-99D6-0463D06BAB66}" type="datetimeFigureOut">
              <a:rPr lang="de-DE" smtClean="0"/>
              <a:t>13.04.2015</a:t>
            </a:fld>
            <a:endParaRPr lang="de-DE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8194BC-916F-41B5-B3E6-E2C702EC6391}" type="slidenum">
              <a:rPr lang="de-DE" smtClean="0"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76660184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931920" cy="1600197"/>
          </a:xfrm>
        </p:spPr>
        <p:txBody>
          <a:bodyPr anchor="b">
            <a:normAutofit/>
          </a:bodyPr>
          <a:lstStyle>
            <a:lvl1pPr>
              <a:defRPr sz="3200" b="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1600" y="990600"/>
            <a:ext cx="6172200" cy="4876800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57399"/>
            <a:ext cx="3931920" cy="3810001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0CAC14-90DC-46F0-99D6-0463D06BAB66}" type="datetimeFigureOut">
              <a:rPr lang="de-DE" smtClean="0"/>
              <a:t>13.04.2015</a:t>
            </a:fld>
            <a:endParaRPr lang="de-DE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8194BC-916F-41B5-B3E6-E2C702EC6391}" type="slidenum">
              <a:rPr lang="de-DE" smtClean="0"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98268047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931920" cy="1600200"/>
          </a:xfrm>
        </p:spPr>
        <p:txBody>
          <a:bodyPr anchor="b">
            <a:normAutofit/>
          </a:bodyPr>
          <a:lstStyle>
            <a:lvl1pPr>
              <a:defRPr sz="3200" b="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1600" y="990600"/>
            <a:ext cx="6172200" cy="4876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57400"/>
            <a:ext cx="3931920" cy="3810000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0CAC14-90DC-46F0-99D6-0463D06BAB66}" type="datetimeFigureOut">
              <a:rPr lang="de-DE" smtClean="0"/>
              <a:t>13.04.2015</a:t>
            </a:fld>
            <a:endParaRPr lang="de-DE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8194BC-916F-41B5-B3E6-E2C702EC6391}" type="slidenum">
              <a:rPr lang="de-DE" smtClean="0"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81011167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0.xml"/><Relationship Id="rId3" Type="http://schemas.openxmlformats.org/officeDocument/2006/relationships/slideLayout" Target="../slideLayouts/slideLayout25.xml"/><Relationship Id="rId7" Type="http://schemas.openxmlformats.org/officeDocument/2006/relationships/slideLayout" Target="../slideLayouts/slideLayout29.xml"/><Relationship Id="rId12" Type="http://schemas.openxmlformats.org/officeDocument/2006/relationships/theme" Target="../theme/theme3.xml"/><Relationship Id="rId2" Type="http://schemas.openxmlformats.org/officeDocument/2006/relationships/slideLayout" Target="../slideLayouts/slideLayout24.xml"/><Relationship Id="rId1" Type="http://schemas.openxmlformats.org/officeDocument/2006/relationships/slideLayout" Target="../slideLayouts/slideLayout23.xml"/><Relationship Id="rId6" Type="http://schemas.openxmlformats.org/officeDocument/2006/relationships/slideLayout" Target="../slideLayouts/slideLayout28.xml"/><Relationship Id="rId11" Type="http://schemas.openxmlformats.org/officeDocument/2006/relationships/slideLayout" Target="../slideLayouts/slideLayout33.xml"/><Relationship Id="rId5" Type="http://schemas.openxmlformats.org/officeDocument/2006/relationships/slideLayout" Target="../slideLayouts/slideLayout27.xml"/><Relationship Id="rId10" Type="http://schemas.openxmlformats.org/officeDocument/2006/relationships/slideLayout" Target="../slideLayouts/slideLayout32.xml"/><Relationship Id="rId4" Type="http://schemas.openxmlformats.org/officeDocument/2006/relationships/slideLayout" Target="../slideLayouts/slideLayout26.xml"/><Relationship Id="rId9" Type="http://schemas.openxmlformats.org/officeDocument/2006/relationships/slideLayout" Target="../slideLayouts/slideLayout3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45127" y="365760"/>
            <a:ext cx="10515600" cy="132556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5127" y="1828800"/>
            <a:ext cx="10515600" cy="435133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1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fld id="{180CAC14-90DC-46F0-99D6-0463D06BAB66}" type="datetimeFigureOut">
              <a:rPr lang="de-DE" smtClean="0"/>
              <a:t>13.04.2015</a:t>
            </a:fld>
            <a:endParaRPr lang="de-D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1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endParaRPr lang="de-D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7527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1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28194BC-916F-41B5-B3E6-E2C702EC6391}" type="slidenum">
              <a:rPr lang="de-DE" smtClean="0"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47536189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74" r:id="rId1"/>
    <p:sldLayoutId id="2147483864" r:id="rId2"/>
    <p:sldLayoutId id="2147483865" r:id="rId3"/>
    <p:sldLayoutId id="2147483866" r:id="rId4"/>
    <p:sldLayoutId id="2147483867" r:id="rId5"/>
    <p:sldLayoutId id="2147483868" r:id="rId6"/>
    <p:sldLayoutId id="2147483869" r:id="rId7"/>
    <p:sldLayoutId id="2147483870" r:id="rId8"/>
    <p:sldLayoutId id="2147483871" r:id="rId9"/>
    <p:sldLayoutId id="2147483872" r:id="rId10"/>
    <p:sldLayoutId id="2147483873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Wingdings 2" pitchFamily="18" charset="2"/>
        <a:buChar char="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/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45127" y="365760"/>
            <a:ext cx="10515600" cy="132556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5127" y="1828800"/>
            <a:ext cx="10515600" cy="435133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1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fld id="{180CAC14-90DC-46F0-99D6-0463D06BAB66}" type="datetimeFigureOut">
              <a:rPr lang="de-DE" smtClean="0"/>
              <a:t>13.04.2015</a:t>
            </a:fld>
            <a:endParaRPr lang="de-D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1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endParaRPr lang="de-D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7527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1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28194BC-916F-41B5-B3E6-E2C702EC6391}" type="slidenum">
              <a:rPr lang="de-DE" smtClean="0"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41909637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76" r:id="rId1"/>
    <p:sldLayoutId id="2147483877" r:id="rId2"/>
    <p:sldLayoutId id="2147483878" r:id="rId3"/>
    <p:sldLayoutId id="2147483879" r:id="rId4"/>
    <p:sldLayoutId id="2147483880" r:id="rId5"/>
    <p:sldLayoutId id="2147483881" r:id="rId6"/>
    <p:sldLayoutId id="2147483882" r:id="rId7"/>
    <p:sldLayoutId id="2147483883" r:id="rId8"/>
    <p:sldLayoutId id="2147483884" r:id="rId9"/>
    <p:sldLayoutId id="2147483885" r:id="rId10"/>
    <p:sldLayoutId id="2147483886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 cap="all" baseline="0">
          <a:solidFill>
            <a:schemeClr val="tx1"/>
          </a:solidFill>
          <a:latin typeface="Tw Cen MT Condensed" panose="020B0606020104020203" pitchFamily="34" charset="0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Wingdings 2" pitchFamily="18" charset="2"/>
        <a:buChar char="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/>
    </p:ext>
  </p:extLst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45127" y="365760"/>
            <a:ext cx="10515600" cy="132556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5127" y="1828800"/>
            <a:ext cx="10515600" cy="435133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1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fld id="{180CAC14-90DC-46F0-99D6-0463D06BAB66}" type="datetimeFigureOut">
              <a:rPr lang="de-DE" smtClean="0"/>
              <a:t>13.04.2015</a:t>
            </a:fld>
            <a:endParaRPr lang="de-D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1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endParaRPr lang="de-D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7527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1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28194BC-916F-41B5-B3E6-E2C702EC6391}" type="slidenum">
              <a:rPr lang="de-DE" smtClean="0"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96067178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88" r:id="rId1"/>
    <p:sldLayoutId id="2147483889" r:id="rId2"/>
    <p:sldLayoutId id="2147483890" r:id="rId3"/>
    <p:sldLayoutId id="2147483891" r:id="rId4"/>
    <p:sldLayoutId id="2147483892" r:id="rId5"/>
    <p:sldLayoutId id="2147483893" r:id="rId6"/>
    <p:sldLayoutId id="2147483894" r:id="rId7"/>
    <p:sldLayoutId id="2147483895" r:id="rId8"/>
    <p:sldLayoutId id="2147483896" r:id="rId9"/>
    <p:sldLayoutId id="2147483897" r:id="rId10"/>
    <p:sldLayoutId id="2147483898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 cap="all" baseline="0">
          <a:solidFill>
            <a:schemeClr val="tx1"/>
          </a:solidFill>
          <a:latin typeface="Tw Cen MT Condensed" panose="020B0606020104020203" pitchFamily="34" charset="0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Wingdings 2" pitchFamily="18" charset="2"/>
        <a:buChar char=""/>
        <a:defRPr sz="2800" kern="1200">
          <a:solidFill>
            <a:schemeClr val="tx1"/>
          </a:solidFill>
          <a:latin typeface="Gentium Basic" panose="02000503060000020004" pitchFamily="2" charset="0"/>
          <a:ea typeface="Linux Libertine Display G" panose="02000503000000000000" pitchFamily="2" charset="0"/>
          <a:cs typeface="Linux Libertine Display G" panose="02000503000000000000" pitchFamily="2" charset="0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2400" kern="1200">
          <a:solidFill>
            <a:schemeClr val="tx1"/>
          </a:solidFill>
          <a:latin typeface="Gentium Basic" panose="02000503060000020004" pitchFamily="2" charset="0"/>
          <a:ea typeface="Linux Libertine Display G" panose="02000503000000000000" pitchFamily="2" charset="0"/>
          <a:cs typeface="Linux Libertine Display G" panose="02000503000000000000" pitchFamily="2" charset="0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2000" kern="1200">
          <a:solidFill>
            <a:schemeClr val="tx1"/>
          </a:solidFill>
          <a:latin typeface="Gentium Basic" panose="02000503060000020004" pitchFamily="2" charset="0"/>
          <a:ea typeface="Linux Libertine Display G" panose="02000503000000000000" pitchFamily="2" charset="0"/>
          <a:cs typeface="Linux Libertine Display G" panose="02000503000000000000" pitchFamily="2" charset="0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Gentium Basic" panose="02000503060000020004" pitchFamily="2" charset="0"/>
          <a:ea typeface="Linux Libertine Display G" panose="02000503000000000000" pitchFamily="2" charset="0"/>
          <a:cs typeface="Linux Libertine Display G" panose="02000503000000000000" pitchFamily="2" charset="0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Gentium Basic" panose="02000503060000020004" pitchFamily="2" charset="0"/>
          <a:ea typeface="Linux Libertine Display G" panose="02000503000000000000" pitchFamily="2" charset="0"/>
          <a:cs typeface="Linux Libertine Display G" panose="02000503000000000000" pitchFamily="2" charset="0"/>
        </a:defRPr>
      </a:lvl5pPr>
      <a:lvl6pPr marL="25146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/>
    </p:ext>
  </p:extLst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3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4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4.xml"/><Relationship Id="rId5" Type="http://schemas.openxmlformats.org/officeDocument/2006/relationships/image" Target="../media/image70.png"/><Relationship Id="rId4" Type="http://schemas.openxmlformats.org/officeDocument/2006/relationships/image" Target="../media/image6.png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jpg"/><Relationship Id="rId1" Type="http://schemas.openxmlformats.org/officeDocument/2006/relationships/slideLayout" Target="../slideLayouts/slideLayout17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18.xml"/><Relationship Id="rId5" Type="http://schemas.openxmlformats.org/officeDocument/2006/relationships/image" Target="../media/image4.jpg"/><Relationship Id="rId4" Type="http://schemas.openxmlformats.org/officeDocument/2006/relationships/image" Target="../media/image3.jpg"/></Relationships>
</file>

<file path=ppt/slides/_rels/slide3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slideLayout" Target="../slideLayouts/slideLayout18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_rels/slide4.xml.rels><?xml version="1.0" encoding="UTF-8" standalone="yes"?>
<Relationships xmlns="http://schemas.openxmlformats.org/package/2006/relationships"><Relationship Id="rId13" Type="http://schemas.openxmlformats.org/officeDocument/2006/relationships/tags" Target="../tags/tag108.xml"/><Relationship Id="rId18" Type="http://schemas.openxmlformats.org/officeDocument/2006/relationships/tags" Target="../tags/tag113.xml"/><Relationship Id="rId26" Type="http://schemas.openxmlformats.org/officeDocument/2006/relationships/tags" Target="../tags/tag121.xml"/><Relationship Id="rId39" Type="http://schemas.openxmlformats.org/officeDocument/2006/relationships/tags" Target="../tags/tag134.xml"/><Relationship Id="rId21" Type="http://schemas.openxmlformats.org/officeDocument/2006/relationships/tags" Target="../tags/tag116.xml"/><Relationship Id="rId34" Type="http://schemas.openxmlformats.org/officeDocument/2006/relationships/tags" Target="../tags/tag129.xml"/><Relationship Id="rId42" Type="http://schemas.openxmlformats.org/officeDocument/2006/relationships/tags" Target="../tags/tag137.xml"/><Relationship Id="rId47" Type="http://schemas.openxmlformats.org/officeDocument/2006/relationships/tags" Target="../tags/tag142.xml"/><Relationship Id="rId50" Type="http://schemas.openxmlformats.org/officeDocument/2006/relationships/tags" Target="../tags/tag145.xml"/><Relationship Id="rId55" Type="http://schemas.openxmlformats.org/officeDocument/2006/relationships/tags" Target="../tags/tag150.xml"/><Relationship Id="rId63" Type="http://schemas.openxmlformats.org/officeDocument/2006/relationships/tags" Target="../tags/tag158.xml"/><Relationship Id="rId68" Type="http://schemas.openxmlformats.org/officeDocument/2006/relationships/tags" Target="../tags/tag163.xml"/><Relationship Id="rId76" Type="http://schemas.openxmlformats.org/officeDocument/2006/relationships/tags" Target="../tags/tag171.xml"/><Relationship Id="rId84" Type="http://schemas.openxmlformats.org/officeDocument/2006/relationships/tags" Target="../tags/tag179.xml"/><Relationship Id="rId7" Type="http://schemas.openxmlformats.org/officeDocument/2006/relationships/tags" Target="../tags/tag102.xml"/><Relationship Id="rId71" Type="http://schemas.openxmlformats.org/officeDocument/2006/relationships/tags" Target="../tags/tag166.xml"/><Relationship Id="rId2" Type="http://schemas.openxmlformats.org/officeDocument/2006/relationships/tags" Target="../tags/tag97.xml"/><Relationship Id="rId16" Type="http://schemas.openxmlformats.org/officeDocument/2006/relationships/tags" Target="../tags/tag111.xml"/><Relationship Id="rId29" Type="http://schemas.openxmlformats.org/officeDocument/2006/relationships/tags" Target="../tags/tag124.xml"/><Relationship Id="rId11" Type="http://schemas.openxmlformats.org/officeDocument/2006/relationships/tags" Target="../tags/tag106.xml"/><Relationship Id="rId24" Type="http://schemas.openxmlformats.org/officeDocument/2006/relationships/tags" Target="../tags/tag119.xml"/><Relationship Id="rId32" Type="http://schemas.openxmlformats.org/officeDocument/2006/relationships/tags" Target="../tags/tag127.xml"/><Relationship Id="rId37" Type="http://schemas.openxmlformats.org/officeDocument/2006/relationships/tags" Target="../tags/tag132.xml"/><Relationship Id="rId40" Type="http://schemas.openxmlformats.org/officeDocument/2006/relationships/tags" Target="../tags/tag135.xml"/><Relationship Id="rId45" Type="http://schemas.openxmlformats.org/officeDocument/2006/relationships/tags" Target="../tags/tag140.xml"/><Relationship Id="rId53" Type="http://schemas.openxmlformats.org/officeDocument/2006/relationships/tags" Target="../tags/tag148.xml"/><Relationship Id="rId58" Type="http://schemas.openxmlformats.org/officeDocument/2006/relationships/tags" Target="../tags/tag153.xml"/><Relationship Id="rId66" Type="http://schemas.openxmlformats.org/officeDocument/2006/relationships/tags" Target="../tags/tag161.xml"/><Relationship Id="rId74" Type="http://schemas.openxmlformats.org/officeDocument/2006/relationships/tags" Target="../tags/tag169.xml"/><Relationship Id="rId79" Type="http://schemas.openxmlformats.org/officeDocument/2006/relationships/tags" Target="../tags/tag174.xml"/><Relationship Id="rId5" Type="http://schemas.openxmlformats.org/officeDocument/2006/relationships/tags" Target="../tags/tag100.xml"/><Relationship Id="rId61" Type="http://schemas.openxmlformats.org/officeDocument/2006/relationships/tags" Target="../tags/tag156.xml"/><Relationship Id="rId82" Type="http://schemas.openxmlformats.org/officeDocument/2006/relationships/tags" Target="../tags/tag177.xml"/><Relationship Id="rId19" Type="http://schemas.openxmlformats.org/officeDocument/2006/relationships/tags" Target="../tags/tag114.xml"/><Relationship Id="rId4" Type="http://schemas.openxmlformats.org/officeDocument/2006/relationships/tags" Target="../tags/tag99.xml"/><Relationship Id="rId9" Type="http://schemas.openxmlformats.org/officeDocument/2006/relationships/tags" Target="../tags/tag104.xml"/><Relationship Id="rId14" Type="http://schemas.openxmlformats.org/officeDocument/2006/relationships/tags" Target="../tags/tag109.xml"/><Relationship Id="rId22" Type="http://schemas.openxmlformats.org/officeDocument/2006/relationships/tags" Target="../tags/tag117.xml"/><Relationship Id="rId27" Type="http://schemas.openxmlformats.org/officeDocument/2006/relationships/tags" Target="../tags/tag122.xml"/><Relationship Id="rId30" Type="http://schemas.openxmlformats.org/officeDocument/2006/relationships/tags" Target="../tags/tag125.xml"/><Relationship Id="rId35" Type="http://schemas.openxmlformats.org/officeDocument/2006/relationships/tags" Target="../tags/tag130.xml"/><Relationship Id="rId43" Type="http://schemas.openxmlformats.org/officeDocument/2006/relationships/tags" Target="../tags/tag138.xml"/><Relationship Id="rId48" Type="http://schemas.openxmlformats.org/officeDocument/2006/relationships/tags" Target="../tags/tag143.xml"/><Relationship Id="rId56" Type="http://schemas.openxmlformats.org/officeDocument/2006/relationships/tags" Target="../tags/tag151.xml"/><Relationship Id="rId64" Type="http://schemas.openxmlformats.org/officeDocument/2006/relationships/tags" Target="../tags/tag159.xml"/><Relationship Id="rId69" Type="http://schemas.openxmlformats.org/officeDocument/2006/relationships/tags" Target="../tags/tag164.xml"/><Relationship Id="rId77" Type="http://schemas.openxmlformats.org/officeDocument/2006/relationships/tags" Target="../tags/tag172.xml"/><Relationship Id="rId8" Type="http://schemas.openxmlformats.org/officeDocument/2006/relationships/tags" Target="../tags/tag103.xml"/><Relationship Id="rId51" Type="http://schemas.openxmlformats.org/officeDocument/2006/relationships/tags" Target="../tags/tag146.xml"/><Relationship Id="rId72" Type="http://schemas.openxmlformats.org/officeDocument/2006/relationships/tags" Target="../tags/tag167.xml"/><Relationship Id="rId80" Type="http://schemas.openxmlformats.org/officeDocument/2006/relationships/tags" Target="../tags/tag175.xml"/><Relationship Id="rId85" Type="http://schemas.openxmlformats.org/officeDocument/2006/relationships/slideLayout" Target="../slideLayouts/slideLayout18.xml"/><Relationship Id="rId3" Type="http://schemas.openxmlformats.org/officeDocument/2006/relationships/tags" Target="../tags/tag98.xml"/><Relationship Id="rId12" Type="http://schemas.openxmlformats.org/officeDocument/2006/relationships/tags" Target="../tags/tag107.xml"/><Relationship Id="rId17" Type="http://schemas.openxmlformats.org/officeDocument/2006/relationships/tags" Target="../tags/tag112.xml"/><Relationship Id="rId25" Type="http://schemas.openxmlformats.org/officeDocument/2006/relationships/tags" Target="../tags/tag120.xml"/><Relationship Id="rId33" Type="http://schemas.openxmlformats.org/officeDocument/2006/relationships/tags" Target="../tags/tag128.xml"/><Relationship Id="rId38" Type="http://schemas.openxmlformats.org/officeDocument/2006/relationships/tags" Target="../tags/tag133.xml"/><Relationship Id="rId46" Type="http://schemas.openxmlformats.org/officeDocument/2006/relationships/tags" Target="../tags/tag141.xml"/><Relationship Id="rId59" Type="http://schemas.openxmlformats.org/officeDocument/2006/relationships/tags" Target="../tags/tag154.xml"/><Relationship Id="rId67" Type="http://schemas.openxmlformats.org/officeDocument/2006/relationships/tags" Target="../tags/tag162.xml"/><Relationship Id="rId20" Type="http://schemas.openxmlformats.org/officeDocument/2006/relationships/tags" Target="../tags/tag115.xml"/><Relationship Id="rId41" Type="http://schemas.openxmlformats.org/officeDocument/2006/relationships/tags" Target="../tags/tag136.xml"/><Relationship Id="rId54" Type="http://schemas.openxmlformats.org/officeDocument/2006/relationships/tags" Target="../tags/tag149.xml"/><Relationship Id="rId62" Type="http://schemas.openxmlformats.org/officeDocument/2006/relationships/tags" Target="../tags/tag157.xml"/><Relationship Id="rId70" Type="http://schemas.openxmlformats.org/officeDocument/2006/relationships/tags" Target="../tags/tag165.xml"/><Relationship Id="rId75" Type="http://schemas.openxmlformats.org/officeDocument/2006/relationships/tags" Target="../tags/tag170.xml"/><Relationship Id="rId83" Type="http://schemas.openxmlformats.org/officeDocument/2006/relationships/tags" Target="../tags/tag178.xml"/><Relationship Id="rId1" Type="http://schemas.openxmlformats.org/officeDocument/2006/relationships/tags" Target="../tags/tag96.xml"/><Relationship Id="rId6" Type="http://schemas.openxmlformats.org/officeDocument/2006/relationships/tags" Target="../tags/tag101.xml"/><Relationship Id="rId15" Type="http://schemas.openxmlformats.org/officeDocument/2006/relationships/tags" Target="../tags/tag110.xml"/><Relationship Id="rId23" Type="http://schemas.openxmlformats.org/officeDocument/2006/relationships/tags" Target="../tags/tag118.xml"/><Relationship Id="rId28" Type="http://schemas.openxmlformats.org/officeDocument/2006/relationships/tags" Target="../tags/tag123.xml"/><Relationship Id="rId36" Type="http://schemas.openxmlformats.org/officeDocument/2006/relationships/tags" Target="../tags/tag131.xml"/><Relationship Id="rId49" Type="http://schemas.openxmlformats.org/officeDocument/2006/relationships/tags" Target="../tags/tag144.xml"/><Relationship Id="rId57" Type="http://schemas.openxmlformats.org/officeDocument/2006/relationships/tags" Target="../tags/tag152.xml"/><Relationship Id="rId10" Type="http://schemas.openxmlformats.org/officeDocument/2006/relationships/tags" Target="../tags/tag105.xml"/><Relationship Id="rId31" Type="http://schemas.openxmlformats.org/officeDocument/2006/relationships/tags" Target="../tags/tag126.xml"/><Relationship Id="rId44" Type="http://schemas.openxmlformats.org/officeDocument/2006/relationships/tags" Target="../tags/tag139.xml"/><Relationship Id="rId52" Type="http://schemas.openxmlformats.org/officeDocument/2006/relationships/tags" Target="../tags/tag147.xml"/><Relationship Id="rId60" Type="http://schemas.openxmlformats.org/officeDocument/2006/relationships/tags" Target="../tags/tag155.xml"/><Relationship Id="rId65" Type="http://schemas.openxmlformats.org/officeDocument/2006/relationships/tags" Target="../tags/tag160.xml"/><Relationship Id="rId73" Type="http://schemas.openxmlformats.org/officeDocument/2006/relationships/tags" Target="../tags/tag168.xml"/><Relationship Id="rId78" Type="http://schemas.openxmlformats.org/officeDocument/2006/relationships/tags" Target="../tags/tag173.xml"/><Relationship Id="rId81" Type="http://schemas.openxmlformats.org/officeDocument/2006/relationships/tags" Target="../tags/tag176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jpg"/><Relationship Id="rId2" Type="http://schemas.openxmlformats.org/officeDocument/2006/relationships/image" Target="../media/image5.jpg"/><Relationship Id="rId1" Type="http://schemas.openxmlformats.org/officeDocument/2006/relationships/slideLayout" Target="../slideLayouts/slideLayout17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jpeg"/><Relationship Id="rId1" Type="http://schemas.openxmlformats.org/officeDocument/2006/relationships/slideLayout" Target="../slideLayouts/slideLayout13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17.xml"/><Relationship Id="rId4" Type="http://schemas.openxmlformats.org/officeDocument/2006/relationships/image" Target="../media/image10.png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8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4.xml"/><Relationship Id="rId6" Type="http://schemas.openxmlformats.org/officeDocument/2006/relationships/image" Target="../media/image4.png"/><Relationship Id="rId5" Type="http://schemas.openxmlformats.org/officeDocument/2006/relationships/image" Target="../media/image3.png"/><Relationship Id="rId4" Type="http://schemas.openxmlformats.org/officeDocument/2006/relationships/image" Target="../media/image2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>
            <a:normAutofit/>
          </a:bodyPr>
          <a:lstStyle/>
          <a:p>
            <a:r>
              <a:rPr lang="de-DE" dirty="0">
                <a:latin typeface="Tw Cen MT Condensed" panose="020B0606020104020203" pitchFamily="34" charset="0"/>
              </a:rPr>
              <a:t>IMAGE RECONSTRUCTION </a:t>
            </a:r>
            <a:r>
              <a:rPr lang="de-DE">
                <a:latin typeface="Tw Cen MT Condensed" panose="020B0606020104020203" pitchFamily="34" charset="0"/>
              </a:rPr>
              <a:t>FROM </a:t>
            </a:r>
            <a:r>
              <a:rPr lang="de-DE" smtClean="0">
                <a:latin typeface="Tw Cen MT Condensed" panose="020B0606020104020203" pitchFamily="34" charset="0"/>
              </a:rPr>
              <a:t>DVS</a:t>
            </a:r>
            <a:endParaRPr lang="de-DE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e-DE" dirty="0">
                <a:latin typeface="Tw Cen MT Condensed" panose="020B0606020104020203" pitchFamily="34" charset="0"/>
              </a:rPr>
              <a:t>MARCEL</a:t>
            </a:r>
            <a:r>
              <a:rPr lang="de-DE">
                <a:latin typeface="Tw Cen MT Condensed" panose="020B0606020104020203" pitchFamily="34" charset="0"/>
              </a:rPr>
              <a:t> GEPPERT &amp; SAMUEL </a:t>
            </a:r>
            <a:r>
              <a:rPr lang="de-DE" smtClean="0">
                <a:latin typeface="Tw Cen MT Condensed" panose="020B0606020104020203" pitchFamily="34" charset="0"/>
              </a:rPr>
              <a:t>BRYNER</a:t>
            </a:r>
            <a:endParaRPr lang="de-DE" dirty="0"/>
          </a:p>
        </p:txBody>
      </p:sp>
      <p:cxnSp>
        <p:nvCxnSpPr>
          <p:cNvPr id="5" name="Straight Connector 5"/>
          <p:cNvCxnSpPr/>
          <p:nvPr/>
        </p:nvCxnSpPr>
        <p:spPr>
          <a:xfrm>
            <a:off x="3576000" y="3487416"/>
            <a:ext cx="5040000" cy="0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63171154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racking: we’ve got an event!</a:t>
            </a:r>
            <a:endParaRPr lang="de-CH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24368" y="1685606"/>
            <a:ext cx="11157118" cy="4351337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en-US" sz="2400" dirty="0" smtClean="0"/>
              <a:t>Where did we come from? Where was the last event of this pixel generated?</a:t>
            </a:r>
            <a:endParaRPr lang="de-CH" sz="2400" dirty="0"/>
          </a:p>
        </p:txBody>
      </p:sp>
      <p:sp>
        <p:nvSpPr>
          <p:cNvPr id="4" name="Rectangle 3"/>
          <p:cNvSpPr/>
          <p:nvPr/>
        </p:nvSpPr>
        <p:spPr>
          <a:xfrm>
            <a:off x="516864" y="2709962"/>
            <a:ext cx="3600000" cy="1440000"/>
          </a:xfrm>
          <a:prstGeom prst="rect">
            <a:avLst/>
          </a:prstGeom>
        </p:spPr>
        <p:style>
          <a:lnRef idx="2">
            <a:schemeClr val="accent2"/>
          </a:lnRef>
          <a:fillRef idx="1002">
            <a:schemeClr val="lt2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8" name="Freeform 7"/>
          <p:cNvSpPr/>
          <p:nvPr/>
        </p:nvSpPr>
        <p:spPr>
          <a:xfrm>
            <a:off x="513239" y="2965265"/>
            <a:ext cx="3609975" cy="1184697"/>
          </a:xfrm>
          <a:custGeom>
            <a:avLst/>
            <a:gdLst>
              <a:gd name="connsiteX0" fmla="*/ 0 w 3597275"/>
              <a:gd name="connsiteY0" fmla="*/ 1144701 h 1187485"/>
              <a:gd name="connsiteX1" fmla="*/ 479425 w 3597275"/>
              <a:gd name="connsiteY1" fmla="*/ 1141526 h 1187485"/>
              <a:gd name="connsiteX2" fmla="*/ 955675 w 3597275"/>
              <a:gd name="connsiteY2" fmla="*/ 674801 h 1187485"/>
              <a:gd name="connsiteX3" fmla="*/ 1200150 w 3597275"/>
              <a:gd name="connsiteY3" fmla="*/ 100126 h 1187485"/>
              <a:gd name="connsiteX4" fmla="*/ 1466850 w 3597275"/>
              <a:gd name="connsiteY4" fmla="*/ 55676 h 1187485"/>
              <a:gd name="connsiteX5" fmla="*/ 1730375 w 3597275"/>
              <a:gd name="connsiteY5" fmla="*/ 677976 h 1187485"/>
              <a:gd name="connsiteX6" fmla="*/ 2365375 w 3597275"/>
              <a:gd name="connsiteY6" fmla="*/ 998651 h 1187485"/>
              <a:gd name="connsiteX7" fmla="*/ 3597275 w 3597275"/>
              <a:gd name="connsiteY7" fmla="*/ 1170101 h 1187485"/>
              <a:gd name="connsiteX0" fmla="*/ 0 w 3597275"/>
              <a:gd name="connsiteY0" fmla="*/ 1144701 h 1170101"/>
              <a:gd name="connsiteX1" fmla="*/ 479425 w 3597275"/>
              <a:gd name="connsiteY1" fmla="*/ 1141526 h 1170101"/>
              <a:gd name="connsiteX2" fmla="*/ 955675 w 3597275"/>
              <a:gd name="connsiteY2" fmla="*/ 674801 h 1170101"/>
              <a:gd name="connsiteX3" fmla="*/ 1200150 w 3597275"/>
              <a:gd name="connsiteY3" fmla="*/ 100126 h 1170101"/>
              <a:gd name="connsiteX4" fmla="*/ 1466850 w 3597275"/>
              <a:gd name="connsiteY4" fmla="*/ 55676 h 1170101"/>
              <a:gd name="connsiteX5" fmla="*/ 1730375 w 3597275"/>
              <a:gd name="connsiteY5" fmla="*/ 677976 h 1170101"/>
              <a:gd name="connsiteX6" fmla="*/ 2365375 w 3597275"/>
              <a:gd name="connsiteY6" fmla="*/ 998651 h 1170101"/>
              <a:gd name="connsiteX7" fmla="*/ 3597275 w 3597275"/>
              <a:gd name="connsiteY7" fmla="*/ 1170101 h 1170101"/>
              <a:gd name="connsiteX0" fmla="*/ 0 w 3597275"/>
              <a:gd name="connsiteY0" fmla="*/ 1144701 h 1170101"/>
              <a:gd name="connsiteX1" fmla="*/ 469900 w 3597275"/>
              <a:gd name="connsiteY1" fmla="*/ 1093901 h 1170101"/>
              <a:gd name="connsiteX2" fmla="*/ 955675 w 3597275"/>
              <a:gd name="connsiteY2" fmla="*/ 674801 h 1170101"/>
              <a:gd name="connsiteX3" fmla="*/ 1200150 w 3597275"/>
              <a:gd name="connsiteY3" fmla="*/ 100126 h 1170101"/>
              <a:gd name="connsiteX4" fmla="*/ 1466850 w 3597275"/>
              <a:gd name="connsiteY4" fmla="*/ 55676 h 1170101"/>
              <a:gd name="connsiteX5" fmla="*/ 1730375 w 3597275"/>
              <a:gd name="connsiteY5" fmla="*/ 677976 h 1170101"/>
              <a:gd name="connsiteX6" fmla="*/ 2365375 w 3597275"/>
              <a:gd name="connsiteY6" fmla="*/ 998651 h 1170101"/>
              <a:gd name="connsiteX7" fmla="*/ 3597275 w 3597275"/>
              <a:gd name="connsiteY7" fmla="*/ 1170101 h 1170101"/>
              <a:gd name="connsiteX0" fmla="*/ 0 w 3597275"/>
              <a:gd name="connsiteY0" fmla="*/ 1176451 h 1191215"/>
              <a:gd name="connsiteX1" fmla="*/ 469900 w 3597275"/>
              <a:gd name="connsiteY1" fmla="*/ 1093901 h 1191215"/>
              <a:gd name="connsiteX2" fmla="*/ 955675 w 3597275"/>
              <a:gd name="connsiteY2" fmla="*/ 674801 h 1191215"/>
              <a:gd name="connsiteX3" fmla="*/ 1200150 w 3597275"/>
              <a:gd name="connsiteY3" fmla="*/ 100126 h 1191215"/>
              <a:gd name="connsiteX4" fmla="*/ 1466850 w 3597275"/>
              <a:gd name="connsiteY4" fmla="*/ 55676 h 1191215"/>
              <a:gd name="connsiteX5" fmla="*/ 1730375 w 3597275"/>
              <a:gd name="connsiteY5" fmla="*/ 677976 h 1191215"/>
              <a:gd name="connsiteX6" fmla="*/ 2365375 w 3597275"/>
              <a:gd name="connsiteY6" fmla="*/ 998651 h 1191215"/>
              <a:gd name="connsiteX7" fmla="*/ 3597275 w 3597275"/>
              <a:gd name="connsiteY7" fmla="*/ 1170101 h 1191215"/>
              <a:gd name="connsiteX0" fmla="*/ 0 w 3597275"/>
              <a:gd name="connsiteY0" fmla="*/ 1176451 h 1176451"/>
              <a:gd name="connsiteX1" fmla="*/ 469900 w 3597275"/>
              <a:gd name="connsiteY1" fmla="*/ 1093901 h 1176451"/>
              <a:gd name="connsiteX2" fmla="*/ 955675 w 3597275"/>
              <a:gd name="connsiteY2" fmla="*/ 674801 h 1176451"/>
              <a:gd name="connsiteX3" fmla="*/ 1200150 w 3597275"/>
              <a:gd name="connsiteY3" fmla="*/ 100126 h 1176451"/>
              <a:gd name="connsiteX4" fmla="*/ 1466850 w 3597275"/>
              <a:gd name="connsiteY4" fmla="*/ 55676 h 1176451"/>
              <a:gd name="connsiteX5" fmla="*/ 1730375 w 3597275"/>
              <a:gd name="connsiteY5" fmla="*/ 677976 h 1176451"/>
              <a:gd name="connsiteX6" fmla="*/ 2365375 w 3597275"/>
              <a:gd name="connsiteY6" fmla="*/ 998651 h 1176451"/>
              <a:gd name="connsiteX7" fmla="*/ 3597275 w 3597275"/>
              <a:gd name="connsiteY7" fmla="*/ 1170101 h 1176451"/>
              <a:gd name="connsiteX0" fmla="*/ 0 w 3597275"/>
              <a:gd name="connsiteY0" fmla="*/ 1176451 h 1176451"/>
              <a:gd name="connsiteX1" fmla="*/ 469900 w 3597275"/>
              <a:gd name="connsiteY1" fmla="*/ 1093901 h 1176451"/>
              <a:gd name="connsiteX2" fmla="*/ 955675 w 3597275"/>
              <a:gd name="connsiteY2" fmla="*/ 674801 h 1176451"/>
              <a:gd name="connsiteX3" fmla="*/ 1200150 w 3597275"/>
              <a:gd name="connsiteY3" fmla="*/ 100126 h 1176451"/>
              <a:gd name="connsiteX4" fmla="*/ 1466850 w 3597275"/>
              <a:gd name="connsiteY4" fmla="*/ 55676 h 1176451"/>
              <a:gd name="connsiteX5" fmla="*/ 1730375 w 3597275"/>
              <a:gd name="connsiteY5" fmla="*/ 677976 h 1176451"/>
              <a:gd name="connsiteX6" fmla="*/ 2365375 w 3597275"/>
              <a:gd name="connsiteY6" fmla="*/ 998651 h 1176451"/>
              <a:gd name="connsiteX7" fmla="*/ 3597275 w 3597275"/>
              <a:gd name="connsiteY7" fmla="*/ 1170101 h 1176451"/>
              <a:gd name="connsiteX0" fmla="*/ 0 w 3597275"/>
              <a:gd name="connsiteY0" fmla="*/ 1176451 h 1176451"/>
              <a:gd name="connsiteX1" fmla="*/ 469900 w 3597275"/>
              <a:gd name="connsiteY1" fmla="*/ 1093901 h 1176451"/>
              <a:gd name="connsiteX2" fmla="*/ 955675 w 3597275"/>
              <a:gd name="connsiteY2" fmla="*/ 674801 h 1176451"/>
              <a:gd name="connsiteX3" fmla="*/ 1200150 w 3597275"/>
              <a:gd name="connsiteY3" fmla="*/ 100126 h 1176451"/>
              <a:gd name="connsiteX4" fmla="*/ 1466850 w 3597275"/>
              <a:gd name="connsiteY4" fmla="*/ 55676 h 1176451"/>
              <a:gd name="connsiteX5" fmla="*/ 1730375 w 3597275"/>
              <a:gd name="connsiteY5" fmla="*/ 677976 h 1176451"/>
              <a:gd name="connsiteX6" fmla="*/ 2254250 w 3597275"/>
              <a:gd name="connsiteY6" fmla="*/ 1036751 h 1176451"/>
              <a:gd name="connsiteX7" fmla="*/ 3597275 w 3597275"/>
              <a:gd name="connsiteY7" fmla="*/ 1170101 h 1176451"/>
              <a:gd name="connsiteX0" fmla="*/ 0 w 3603625"/>
              <a:gd name="connsiteY0" fmla="*/ 1176451 h 1176451"/>
              <a:gd name="connsiteX1" fmla="*/ 469900 w 3603625"/>
              <a:gd name="connsiteY1" fmla="*/ 1093901 h 1176451"/>
              <a:gd name="connsiteX2" fmla="*/ 955675 w 3603625"/>
              <a:gd name="connsiteY2" fmla="*/ 674801 h 1176451"/>
              <a:gd name="connsiteX3" fmla="*/ 1200150 w 3603625"/>
              <a:gd name="connsiteY3" fmla="*/ 100126 h 1176451"/>
              <a:gd name="connsiteX4" fmla="*/ 1466850 w 3603625"/>
              <a:gd name="connsiteY4" fmla="*/ 55676 h 1176451"/>
              <a:gd name="connsiteX5" fmla="*/ 1730375 w 3603625"/>
              <a:gd name="connsiteY5" fmla="*/ 677976 h 1176451"/>
              <a:gd name="connsiteX6" fmla="*/ 2254250 w 3603625"/>
              <a:gd name="connsiteY6" fmla="*/ 1036751 h 1176451"/>
              <a:gd name="connsiteX7" fmla="*/ 3603625 w 3603625"/>
              <a:gd name="connsiteY7" fmla="*/ 1151051 h 1176451"/>
              <a:gd name="connsiteX0" fmla="*/ 0 w 3609975"/>
              <a:gd name="connsiteY0" fmla="*/ 1176451 h 1176451"/>
              <a:gd name="connsiteX1" fmla="*/ 469900 w 3609975"/>
              <a:gd name="connsiteY1" fmla="*/ 1093901 h 1176451"/>
              <a:gd name="connsiteX2" fmla="*/ 955675 w 3609975"/>
              <a:gd name="connsiteY2" fmla="*/ 674801 h 1176451"/>
              <a:gd name="connsiteX3" fmla="*/ 1200150 w 3609975"/>
              <a:gd name="connsiteY3" fmla="*/ 100126 h 1176451"/>
              <a:gd name="connsiteX4" fmla="*/ 1466850 w 3609975"/>
              <a:gd name="connsiteY4" fmla="*/ 55676 h 1176451"/>
              <a:gd name="connsiteX5" fmla="*/ 1730375 w 3609975"/>
              <a:gd name="connsiteY5" fmla="*/ 677976 h 1176451"/>
              <a:gd name="connsiteX6" fmla="*/ 2254250 w 3609975"/>
              <a:gd name="connsiteY6" fmla="*/ 1036751 h 1176451"/>
              <a:gd name="connsiteX7" fmla="*/ 3609975 w 3609975"/>
              <a:gd name="connsiteY7" fmla="*/ 1176451 h 1176451"/>
              <a:gd name="connsiteX0" fmla="*/ 0 w 3609975"/>
              <a:gd name="connsiteY0" fmla="*/ 1179504 h 1179504"/>
              <a:gd name="connsiteX1" fmla="*/ 469900 w 3609975"/>
              <a:gd name="connsiteY1" fmla="*/ 1096954 h 1179504"/>
              <a:gd name="connsiteX2" fmla="*/ 1034257 w 3609975"/>
              <a:gd name="connsiteY2" fmla="*/ 739766 h 1179504"/>
              <a:gd name="connsiteX3" fmla="*/ 1200150 w 3609975"/>
              <a:gd name="connsiteY3" fmla="*/ 103179 h 1179504"/>
              <a:gd name="connsiteX4" fmla="*/ 1466850 w 3609975"/>
              <a:gd name="connsiteY4" fmla="*/ 58729 h 1179504"/>
              <a:gd name="connsiteX5" fmla="*/ 1730375 w 3609975"/>
              <a:gd name="connsiteY5" fmla="*/ 681029 h 1179504"/>
              <a:gd name="connsiteX6" fmla="*/ 2254250 w 3609975"/>
              <a:gd name="connsiteY6" fmla="*/ 1039804 h 1179504"/>
              <a:gd name="connsiteX7" fmla="*/ 3609975 w 3609975"/>
              <a:gd name="connsiteY7" fmla="*/ 1179504 h 1179504"/>
              <a:gd name="connsiteX0" fmla="*/ 0 w 3609975"/>
              <a:gd name="connsiteY0" fmla="*/ 1184932 h 1184932"/>
              <a:gd name="connsiteX1" fmla="*/ 469900 w 3609975"/>
              <a:gd name="connsiteY1" fmla="*/ 1102382 h 1184932"/>
              <a:gd name="connsiteX2" fmla="*/ 1034257 w 3609975"/>
              <a:gd name="connsiteY2" fmla="*/ 745194 h 1184932"/>
              <a:gd name="connsiteX3" fmla="*/ 1200150 w 3609975"/>
              <a:gd name="connsiteY3" fmla="*/ 108607 h 1184932"/>
              <a:gd name="connsiteX4" fmla="*/ 1466850 w 3609975"/>
              <a:gd name="connsiteY4" fmla="*/ 64157 h 1184932"/>
              <a:gd name="connsiteX5" fmla="*/ 1632744 w 3609975"/>
              <a:gd name="connsiteY5" fmla="*/ 762657 h 1184932"/>
              <a:gd name="connsiteX6" fmla="*/ 2254250 w 3609975"/>
              <a:gd name="connsiteY6" fmla="*/ 1045232 h 1184932"/>
              <a:gd name="connsiteX7" fmla="*/ 3609975 w 3609975"/>
              <a:gd name="connsiteY7" fmla="*/ 1184932 h 1184932"/>
              <a:gd name="connsiteX0" fmla="*/ 0 w 3609975"/>
              <a:gd name="connsiteY0" fmla="*/ 1185614 h 1185614"/>
              <a:gd name="connsiteX1" fmla="*/ 469900 w 3609975"/>
              <a:gd name="connsiteY1" fmla="*/ 1103064 h 1185614"/>
              <a:gd name="connsiteX2" fmla="*/ 1034257 w 3609975"/>
              <a:gd name="connsiteY2" fmla="*/ 745876 h 1185614"/>
              <a:gd name="connsiteX3" fmla="*/ 1200150 w 3609975"/>
              <a:gd name="connsiteY3" fmla="*/ 109289 h 1185614"/>
              <a:gd name="connsiteX4" fmla="*/ 1466850 w 3609975"/>
              <a:gd name="connsiteY4" fmla="*/ 64839 h 1185614"/>
              <a:gd name="connsiteX5" fmla="*/ 1635126 w 3609975"/>
              <a:gd name="connsiteY5" fmla="*/ 772864 h 1185614"/>
              <a:gd name="connsiteX6" fmla="*/ 2254250 w 3609975"/>
              <a:gd name="connsiteY6" fmla="*/ 1045914 h 1185614"/>
              <a:gd name="connsiteX7" fmla="*/ 3609975 w 3609975"/>
              <a:gd name="connsiteY7" fmla="*/ 1185614 h 1185614"/>
              <a:gd name="connsiteX0" fmla="*/ 0 w 3609975"/>
              <a:gd name="connsiteY0" fmla="*/ 1164101 h 1164101"/>
              <a:gd name="connsiteX1" fmla="*/ 469900 w 3609975"/>
              <a:gd name="connsiteY1" fmla="*/ 1081551 h 1164101"/>
              <a:gd name="connsiteX2" fmla="*/ 1034257 w 3609975"/>
              <a:gd name="connsiteY2" fmla="*/ 724363 h 1164101"/>
              <a:gd name="connsiteX3" fmla="*/ 1200150 w 3609975"/>
              <a:gd name="connsiteY3" fmla="*/ 87776 h 1164101"/>
              <a:gd name="connsiteX4" fmla="*/ 1452562 w 3609975"/>
              <a:gd name="connsiteY4" fmla="*/ 76664 h 1164101"/>
              <a:gd name="connsiteX5" fmla="*/ 1635126 w 3609975"/>
              <a:gd name="connsiteY5" fmla="*/ 751351 h 1164101"/>
              <a:gd name="connsiteX6" fmla="*/ 2254250 w 3609975"/>
              <a:gd name="connsiteY6" fmla="*/ 1024401 h 1164101"/>
              <a:gd name="connsiteX7" fmla="*/ 3609975 w 3609975"/>
              <a:gd name="connsiteY7" fmla="*/ 1164101 h 1164101"/>
              <a:gd name="connsiteX0" fmla="*/ 0 w 3609975"/>
              <a:gd name="connsiteY0" fmla="*/ 1166995 h 1166995"/>
              <a:gd name="connsiteX1" fmla="*/ 469900 w 3609975"/>
              <a:gd name="connsiteY1" fmla="*/ 1084445 h 1166995"/>
              <a:gd name="connsiteX2" fmla="*/ 1034257 w 3609975"/>
              <a:gd name="connsiteY2" fmla="*/ 727257 h 1166995"/>
              <a:gd name="connsiteX3" fmla="*/ 1200150 w 3609975"/>
              <a:gd name="connsiteY3" fmla="*/ 90670 h 1166995"/>
              <a:gd name="connsiteX4" fmla="*/ 1452562 w 3609975"/>
              <a:gd name="connsiteY4" fmla="*/ 74795 h 1166995"/>
              <a:gd name="connsiteX5" fmla="*/ 1635126 w 3609975"/>
              <a:gd name="connsiteY5" fmla="*/ 754245 h 1166995"/>
              <a:gd name="connsiteX6" fmla="*/ 2254250 w 3609975"/>
              <a:gd name="connsiteY6" fmla="*/ 1027295 h 1166995"/>
              <a:gd name="connsiteX7" fmla="*/ 3609975 w 3609975"/>
              <a:gd name="connsiteY7" fmla="*/ 1166995 h 1166995"/>
              <a:gd name="connsiteX0" fmla="*/ 0 w 3609975"/>
              <a:gd name="connsiteY0" fmla="*/ 1166678 h 1166678"/>
              <a:gd name="connsiteX1" fmla="*/ 469900 w 3609975"/>
              <a:gd name="connsiteY1" fmla="*/ 1084128 h 1166678"/>
              <a:gd name="connsiteX2" fmla="*/ 1034257 w 3609975"/>
              <a:gd name="connsiteY2" fmla="*/ 726940 h 1166678"/>
              <a:gd name="connsiteX3" fmla="*/ 1200150 w 3609975"/>
              <a:gd name="connsiteY3" fmla="*/ 90353 h 1166678"/>
              <a:gd name="connsiteX4" fmla="*/ 1452562 w 3609975"/>
              <a:gd name="connsiteY4" fmla="*/ 74478 h 1166678"/>
              <a:gd name="connsiteX5" fmla="*/ 1749426 w 3609975"/>
              <a:gd name="connsiteY5" fmla="*/ 749166 h 1166678"/>
              <a:gd name="connsiteX6" fmla="*/ 2254250 w 3609975"/>
              <a:gd name="connsiteY6" fmla="*/ 1026978 h 1166678"/>
              <a:gd name="connsiteX7" fmla="*/ 3609975 w 3609975"/>
              <a:gd name="connsiteY7" fmla="*/ 1166678 h 1166678"/>
              <a:gd name="connsiteX0" fmla="*/ 0 w 3609975"/>
              <a:gd name="connsiteY0" fmla="*/ 1167409 h 1167409"/>
              <a:gd name="connsiteX1" fmla="*/ 469900 w 3609975"/>
              <a:gd name="connsiteY1" fmla="*/ 1084859 h 1167409"/>
              <a:gd name="connsiteX2" fmla="*/ 996157 w 3609975"/>
              <a:gd name="connsiteY2" fmla="*/ 740371 h 1167409"/>
              <a:gd name="connsiteX3" fmla="*/ 1200150 w 3609975"/>
              <a:gd name="connsiteY3" fmla="*/ 91084 h 1167409"/>
              <a:gd name="connsiteX4" fmla="*/ 1452562 w 3609975"/>
              <a:gd name="connsiteY4" fmla="*/ 75209 h 1167409"/>
              <a:gd name="connsiteX5" fmla="*/ 1749426 w 3609975"/>
              <a:gd name="connsiteY5" fmla="*/ 749897 h 1167409"/>
              <a:gd name="connsiteX6" fmla="*/ 2254250 w 3609975"/>
              <a:gd name="connsiteY6" fmla="*/ 1027709 h 1167409"/>
              <a:gd name="connsiteX7" fmla="*/ 3609975 w 3609975"/>
              <a:gd name="connsiteY7" fmla="*/ 1167409 h 1167409"/>
              <a:gd name="connsiteX0" fmla="*/ 0 w 3609975"/>
              <a:gd name="connsiteY0" fmla="*/ 1175941 h 1175941"/>
              <a:gd name="connsiteX1" fmla="*/ 469900 w 3609975"/>
              <a:gd name="connsiteY1" fmla="*/ 1093391 h 1175941"/>
              <a:gd name="connsiteX2" fmla="*/ 996157 w 3609975"/>
              <a:gd name="connsiteY2" fmla="*/ 748903 h 1175941"/>
              <a:gd name="connsiteX3" fmla="*/ 1225550 w 3609975"/>
              <a:gd name="connsiteY3" fmla="*/ 83741 h 1175941"/>
              <a:gd name="connsiteX4" fmla="*/ 1452562 w 3609975"/>
              <a:gd name="connsiteY4" fmla="*/ 83741 h 1175941"/>
              <a:gd name="connsiteX5" fmla="*/ 1749426 w 3609975"/>
              <a:gd name="connsiteY5" fmla="*/ 758429 h 1175941"/>
              <a:gd name="connsiteX6" fmla="*/ 2254250 w 3609975"/>
              <a:gd name="connsiteY6" fmla="*/ 1036241 h 1175941"/>
              <a:gd name="connsiteX7" fmla="*/ 3609975 w 3609975"/>
              <a:gd name="connsiteY7" fmla="*/ 1175941 h 1175941"/>
              <a:gd name="connsiteX0" fmla="*/ 0 w 3609975"/>
              <a:gd name="connsiteY0" fmla="*/ 1175941 h 1175941"/>
              <a:gd name="connsiteX1" fmla="*/ 469900 w 3609975"/>
              <a:gd name="connsiteY1" fmla="*/ 1093391 h 1175941"/>
              <a:gd name="connsiteX2" fmla="*/ 996157 w 3609975"/>
              <a:gd name="connsiteY2" fmla="*/ 748903 h 1175941"/>
              <a:gd name="connsiteX3" fmla="*/ 1225550 w 3609975"/>
              <a:gd name="connsiteY3" fmla="*/ 83741 h 1175941"/>
              <a:gd name="connsiteX4" fmla="*/ 1452562 w 3609975"/>
              <a:gd name="connsiteY4" fmla="*/ 83741 h 1175941"/>
              <a:gd name="connsiteX5" fmla="*/ 1749426 w 3609975"/>
              <a:gd name="connsiteY5" fmla="*/ 758429 h 1175941"/>
              <a:gd name="connsiteX6" fmla="*/ 1860506 w 3609975"/>
              <a:gd name="connsiteY6" fmla="*/ 877543 h 1175941"/>
              <a:gd name="connsiteX7" fmla="*/ 2254250 w 3609975"/>
              <a:gd name="connsiteY7" fmla="*/ 1036241 h 1175941"/>
              <a:gd name="connsiteX8" fmla="*/ 3609975 w 3609975"/>
              <a:gd name="connsiteY8" fmla="*/ 1175941 h 1175941"/>
              <a:gd name="connsiteX0" fmla="*/ 0 w 3609975"/>
              <a:gd name="connsiteY0" fmla="*/ 1175941 h 1175941"/>
              <a:gd name="connsiteX1" fmla="*/ 469900 w 3609975"/>
              <a:gd name="connsiteY1" fmla="*/ 1093391 h 1175941"/>
              <a:gd name="connsiteX2" fmla="*/ 996157 w 3609975"/>
              <a:gd name="connsiteY2" fmla="*/ 748903 h 1175941"/>
              <a:gd name="connsiteX3" fmla="*/ 1225550 w 3609975"/>
              <a:gd name="connsiteY3" fmla="*/ 83741 h 1175941"/>
              <a:gd name="connsiteX4" fmla="*/ 1452562 w 3609975"/>
              <a:gd name="connsiteY4" fmla="*/ 83741 h 1175941"/>
              <a:gd name="connsiteX5" fmla="*/ 1749426 w 3609975"/>
              <a:gd name="connsiteY5" fmla="*/ 758429 h 1175941"/>
              <a:gd name="connsiteX6" fmla="*/ 2028781 w 3609975"/>
              <a:gd name="connsiteY6" fmla="*/ 760068 h 1175941"/>
              <a:gd name="connsiteX7" fmla="*/ 2254250 w 3609975"/>
              <a:gd name="connsiteY7" fmla="*/ 1036241 h 1175941"/>
              <a:gd name="connsiteX8" fmla="*/ 3609975 w 3609975"/>
              <a:gd name="connsiteY8" fmla="*/ 1175941 h 1175941"/>
              <a:gd name="connsiteX0" fmla="*/ 0 w 3609975"/>
              <a:gd name="connsiteY0" fmla="*/ 1175941 h 1175941"/>
              <a:gd name="connsiteX1" fmla="*/ 469900 w 3609975"/>
              <a:gd name="connsiteY1" fmla="*/ 1093391 h 1175941"/>
              <a:gd name="connsiteX2" fmla="*/ 996157 w 3609975"/>
              <a:gd name="connsiteY2" fmla="*/ 748903 h 1175941"/>
              <a:gd name="connsiteX3" fmla="*/ 1225550 w 3609975"/>
              <a:gd name="connsiteY3" fmla="*/ 83741 h 1175941"/>
              <a:gd name="connsiteX4" fmla="*/ 1452562 w 3609975"/>
              <a:gd name="connsiteY4" fmla="*/ 83741 h 1175941"/>
              <a:gd name="connsiteX5" fmla="*/ 1749426 w 3609975"/>
              <a:gd name="connsiteY5" fmla="*/ 758429 h 1175941"/>
              <a:gd name="connsiteX6" fmla="*/ 2028781 w 3609975"/>
              <a:gd name="connsiteY6" fmla="*/ 760068 h 1175941"/>
              <a:gd name="connsiteX7" fmla="*/ 2254250 w 3609975"/>
              <a:gd name="connsiteY7" fmla="*/ 1036241 h 1175941"/>
              <a:gd name="connsiteX8" fmla="*/ 3609975 w 3609975"/>
              <a:gd name="connsiteY8" fmla="*/ 1175941 h 1175941"/>
              <a:gd name="connsiteX0" fmla="*/ 0 w 3609975"/>
              <a:gd name="connsiteY0" fmla="*/ 1184697 h 1184697"/>
              <a:gd name="connsiteX1" fmla="*/ 469900 w 3609975"/>
              <a:gd name="connsiteY1" fmla="*/ 1102147 h 1184697"/>
              <a:gd name="connsiteX2" fmla="*/ 996157 w 3609975"/>
              <a:gd name="connsiteY2" fmla="*/ 757659 h 1184697"/>
              <a:gd name="connsiteX3" fmla="*/ 1225550 w 3609975"/>
              <a:gd name="connsiteY3" fmla="*/ 92497 h 1184697"/>
              <a:gd name="connsiteX4" fmla="*/ 1452562 w 3609975"/>
              <a:gd name="connsiteY4" fmla="*/ 92497 h 1184697"/>
              <a:gd name="connsiteX5" fmla="*/ 1752601 w 3609975"/>
              <a:gd name="connsiteY5" fmla="*/ 903710 h 1184697"/>
              <a:gd name="connsiteX6" fmla="*/ 2028781 w 3609975"/>
              <a:gd name="connsiteY6" fmla="*/ 768824 h 1184697"/>
              <a:gd name="connsiteX7" fmla="*/ 2254250 w 3609975"/>
              <a:gd name="connsiteY7" fmla="*/ 1044997 h 1184697"/>
              <a:gd name="connsiteX8" fmla="*/ 3609975 w 3609975"/>
              <a:gd name="connsiteY8" fmla="*/ 1184697 h 1184697"/>
              <a:gd name="connsiteX0" fmla="*/ 0 w 3609975"/>
              <a:gd name="connsiteY0" fmla="*/ 1184697 h 1184697"/>
              <a:gd name="connsiteX1" fmla="*/ 469900 w 3609975"/>
              <a:gd name="connsiteY1" fmla="*/ 1102147 h 1184697"/>
              <a:gd name="connsiteX2" fmla="*/ 996157 w 3609975"/>
              <a:gd name="connsiteY2" fmla="*/ 757659 h 1184697"/>
              <a:gd name="connsiteX3" fmla="*/ 1225550 w 3609975"/>
              <a:gd name="connsiteY3" fmla="*/ 92497 h 1184697"/>
              <a:gd name="connsiteX4" fmla="*/ 1452562 w 3609975"/>
              <a:gd name="connsiteY4" fmla="*/ 92497 h 1184697"/>
              <a:gd name="connsiteX5" fmla="*/ 1752601 w 3609975"/>
              <a:gd name="connsiteY5" fmla="*/ 903710 h 1184697"/>
              <a:gd name="connsiteX6" fmla="*/ 2028781 w 3609975"/>
              <a:gd name="connsiteY6" fmla="*/ 768824 h 1184697"/>
              <a:gd name="connsiteX7" fmla="*/ 2254250 w 3609975"/>
              <a:gd name="connsiteY7" fmla="*/ 1044997 h 1184697"/>
              <a:gd name="connsiteX8" fmla="*/ 3609975 w 3609975"/>
              <a:gd name="connsiteY8" fmla="*/ 1184697 h 1184697"/>
              <a:gd name="connsiteX0" fmla="*/ 0 w 3609975"/>
              <a:gd name="connsiteY0" fmla="*/ 1184697 h 1184697"/>
              <a:gd name="connsiteX1" fmla="*/ 469900 w 3609975"/>
              <a:gd name="connsiteY1" fmla="*/ 1102147 h 1184697"/>
              <a:gd name="connsiteX2" fmla="*/ 996157 w 3609975"/>
              <a:gd name="connsiteY2" fmla="*/ 757659 h 1184697"/>
              <a:gd name="connsiteX3" fmla="*/ 1225550 w 3609975"/>
              <a:gd name="connsiteY3" fmla="*/ 92497 h 1184697"/>
              <a:gd name="connsiteX4" fmla="*/ 1452562 w 3609975"/>
              <a:gd name="connsiteY4" fmla="*/ 92497 h 1184697"/>
              <a:gd name="connsiteX5" fmla="*/ 1752601 w 3609975"/>
              <a:gd name="connsiteY5" fmla="*/ 903710 h 1184697"/>
              <a:gd name="connsiteX6" fmla="*/ 2028781 w 3609975"/>
              <a:gd name="connsiteY6" fmla="*/ 768824 h 1184697"/>
              <a:gd name="connsiteX7" fmla="*/ 2254250 w 3609975"/>
              <a:gd name="connsiteY7" fmla="*/ 1044997 h 1184697"/>
              <a:gd name="connsiteX8" fmla="*/ 3609975 w 3609975"/>
              <a:gd name="connsiteY8" fmla="*/ 1184697 h 1184697"/>
              <a:gd name="connsiteX0" fmla="*/ 0 w 3609975"/>
              <a:gd name="connsiteY0" fmla="*/ 1184697 h 1184697"/>
              <a:gd name="connsiteX1" fmla="*/ 469900 w 3609975"/>
              <a:gd name="connsiteY1" fmla="*/ 1102147 h 1184697"/>
              <a:gd name="connsiteX2" fmla="*/ 996157 w 3609975"/>
              <a:gd name="connsiteY2" fmla="*/ 757659 h 1184697"/>
              <a:gd name="connsiteX3" fmla="*/ 1225550 w 3609975"/>
              <a:gd name="connsiteY3" fmla="*/ 92497 h 1184697"/>
              <a:gd name="connsiteX4" fmla="*/ 1452562 w 3609975"/>
              <a:gd name="connsiteY4" fmla="*/ 92497 h 1184697"/>
              <a:gd name="connsiteX5" fmla="*/ 1752601 w 3609975"/>
              <a:gd name="connsiteY5" fmla="*/ 903710 h 1184697"/>
              <a:gd name="connsiteX6" fmla="*/ 2028781 w 3609975"/>
              <a:gd name="connsiteY6" fmla="*/ 768824 h 1184697"/>
              <a:gd name="connsiteX7" fmla="*/ 2409825 w 3609975"/>
              <a:gd name="connsiteY7" fmla="*/ 1064047 h 1184697"/>
              <a:gd name="connsiteX8" fmla="*/ 3609975 w 3609975"/>
              <a:gd name="connsiteY8" fmla="*/ 1184697 h 118469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3609975" h="1184697">
                <a:moveTo>
                  <a:pt x="0" y="1184697"/>
                </a:moveTo>
                <a:cubicBezTo>
                  <a:pt x="163248" y="1171468"/>
                  <a:pt x="303874" y="1173320"/>
                  <a:pt x="469900" y="1102147"/>
                </a:cubicBezTo>
                <a:cubicBezTo>
                  <a:pt x="635926" y="1030974"/>
                  <a:pt x="870215" y="925934"/>
                  <a:pt x="996157" y="757659"/>
                </a:cubicBezTo>
                <a:cubicBezTo>
                  <a:pt x="1122099" y="589384"/>
                  <a:pt x="1149483" y="203357"/>
                  <a:pt x="1225550" y="92497"/>
                </a:cubicBezTo>
                <a:cubicBezTo>
                  <a:pt x="1301618" y="-18363"/>
                  <a:pt x="1364720" y="-42705"/>
                  <a:pt x="1452562" y="92497"/>
                </a:cubicBezTo>
                <a:cubicBezTo>
                  <a:pt x="1540404" y="227699"/>
                  <a:pt x="1656564" y="790989"/>
                  <a:pt x="1752601" y="903710"/>
                </a:cubicBezTo>
                <a:cubicBezTo>
                  <a:pt x="1848638" y="1016431"/>
                  <a:pt x="1919244" y="742101"/>
                  <a:pt x="2028781" y="768824"/>
                </a:cubicBezTo>
                <a:cubicBezTo>
                  <a:pt x="2138318" y="795547"/>
                  <a:pt x="2146293" y="994735"/>
                  <a:pt x="2409825" y="1064047"/>
                </a:cubicBezTo>
                <a:cubicBezTo>
                  <a:pt x="2673357" y="1133359"/>
                  <a:pt x="2851150" y="1140247"/>
                  <a:pt x="3609975" y="1184697"/>
                </a:cubicBezTo>
              </a:path>
            </a:pathLst>
          </a:custGeom>
          <a:solidFill>
            <a:schemeClr val="accent2">
              <a:lumMod val="75000"/>
            </a:schemeClr>
          </a:solidFill>
          <a:ln w="25400">
            <a:solidFill>
              <a:schemeClr val="accent2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0" name="TextBox 9"/>
              <p:cNvSpPr txBox="1"/>
              <p:nvPr/>
            </p:nvSpPr>
            <p:spPr>
              <a:xfrm>
                <a:off x="510514" y="2340630"/>
                <a:ext cx="3580788" cy="369332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r>
                  <a:rPr lang="en-US" dirty="0" smtClean="0">
                    <a:latin typeface="Gentium Basic" panose="02000503060000020004" pitchFamily="2" charset="0"/>
                  </a:rPr>
                  <a:t>position at time of last event (</a:t>
                </a:r>
                <a14:m>
                  <m:oMath xmlns:m="http://schemas.openxmlformats.org/officeDocument/2006/math">
                    <m:r>
                      <a:rPr lang="en-US" b="0" i="1" smtClean="0">
                        <a:latin typeface="Cambria Math" panose="02040503050406030204" pitchFamily="18" charset="0"/>
                      </a:rPr>
                      <m:t>𝑡</m:t>
                    </m:r>
                    <m:r>
                      <a:rPr lang="en-US" b="0" i="1" smtClean="0">
                        <a:latin typeface="Cambria Math" panose="02040503050406030204" pitchFamily="18" charset="0"/>
                      </a:rPr>
                      <m:t>−</m:t>
                    </m:r>
                    <m:r>
                      <a:rPr lang="en-US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𝜏</m:t>
                    </m:r>
                  </m:oMath>
                </a14:m>
                <a:r>
                  <a:rPr lang="en-US" dirty="0" smtClean="0">
                    <a:latin typeface="Gentium Basic" panose="02000503060000020004" pitchFamily="2" charset="0"/>
                  </a:rPr>
                  <a:t>)</a:t>
                </a:r>
                <a:endParaRPr lang="de-CH" dirty="0">
                  <a:latin typeface="Gentium Basic" panose="02000503060000020004" pitchFamily="2" charset="0"/>
                </a:endParaRPr>
              </a:p>
            </p:txBody>
          </p:sp>
        </mc:Choice>
        <mc:Fallback xmlns="">
          <p:sp>
            <p:nvSpPr>
              <p:cNvPr id="10" name="TextBox 9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10514" y="2340630"/>
                <a:ext cx="3580788" cy="369332"/>
              </a:xfrm>
              <a:prstGeom prst="rect">
                <a:avLst/>
              </a:prstGeom>
              <a:blipFill rotWithShape="0">
                <a:blip r:embed="rId3"/>
                <a:stretch>
                  <a:fillRect l="-1533" t="-9836" r="-511" b="-24590"/>
                </a:stretch>
              </a:blipFill>
            </p:spPr>
            <p:txBody>
              <a:bodyPr/>
              <a:lstStyle/>
              <a:p>
                <a:r>
                  <a:rPr lang="de-CH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2" name="Rectangle 11"/>
          <p:cNvSpPr/>
          <p:nvPr/>
        </p:nvSpPr>
        <p:spPr>
          <a:xfrm>
            <a:off x="4300391" y="2709962"/>
            <a:ext cx="3600000" cy="1440000"/>
          </a:xfrm>
          <a:prstGeom prst="rect">
            <a:avLst/>
          </a:prstGeom>
        </p:spPr>
        <p:style>
          <a:lnRef idx="2">
            <a:schemeClr val="accent5"/>
          </a:lnRef>
          <a:fillRef idx="1002">
            <a:schemeClr val="lt2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e-CH" sz="1200" dirty="0">
              <a:latin typeface="Gentium Basic" panose="02000503060000020004" pitchFamily="2" charset="0"/>
            </a:endParaRPr>
          </a:p>
        </p:txBody>
      </p:sp>
      <p:sp>
        <p:nvSpPr>
          <p:cNvPr id="14" name="TextBox 13"/>
          <p:cNvSpPr txBox="1"/>
          <p:nvPr/>
        </p:nvSpPr>
        <p:spPr>
          <a:xfrm>
            <a:off x="4294041" y="2340630"/>
            <a:ext cx="263726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>
                <a:latin typeface="Gentium Basic" panose="02000503060000020004" pitchFamily="2" charset="0"/>
              </a:rPr>
              <a:t>intensity map (the image)</a:t>
            </a:r>
            <a:endParaRPr lang="de-CH" dirty="0">
              <a:latin typeface="Gentium Basic" panose="02000503060000020004" pitchFamily="2" charset="0"/>
            </a:endParaRPr>
          </a:p>
        </p:txBody>
      </p:sp>
      <p:cxnSp>
        <p:nvCxnSpPr>
          <p:cNvPr id="58" name="Straight Connector 57"/>
          <p:cNvCxnSpPr/>
          <p:nvPr/>
        </p:nvCxnSpPr>
        <p:spPr>
          <a:xfrm>
            <a:off x="4307620" y="3158008"/>
            <a:ext cx="3596249" cy="0"/>
          </a:xfrm>
          <a:prstGeom prst="line">
            <a:avLst/>
          </a:prstGeom>
          <a:ln w="25400">
            <a:solidFill>
              <a:schemeClr val="accent5"/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Freeform 14"/>
          <p:cNvSpPr/>
          <p:nvPr/>
        </p:nvSpPr>
        <p:spPr>
          <a:xfrm>
            <a:off x="4307620" y="2909178"/>
            <a:ext cx="3589020" cy="1126416"/>
          </a:xfrm>
          <a:custGeom>
            <a:avLst/>
            <a:gdLst>
              <a:gd name="connsiteX0" fmla="*/ 0 w 3589020"/>
              <a:gd name="connsiteY0" fmla="*/ 227256 h 1126416"/>
              <a:gd name="connsiteX1" fmla="*/ 281940 w 3589020"/>
              <a:gd name="connsiteY1" fmla="*/ 440616 h 1126416"/>
              <a:gd name="connsiteX2" fmla="*/ 411480 w 3589020"/>
              <a:gd name="connsiteY2" fmla="*/ 1019736 h 1126416"/>
              <a:gd name="connsiteX3" fmla="*/ 632460 w 3589020"/>
              <a:gd name="connsiteY3" fmla="*/ 661596 h 1126416"/>
              <a:gd name="connsiteX4" fmla="*/ 967740 w 3589020"/>
              <a:gd name="connsiteY4" fmla="*/ 867336 h 1126416"/>
              <a:gd name="connsiteX5" fmla="*/ 1463040 w 3589020"/>
              <a:gd name="connsiteY5" fmla="*/ 13896 h 1126416"/>
              <a:gd name="connsiteX6" fmla="*/ 2004060 w 3589020"/>
              <a:gd name="connsiteY6" fmla="*/ 326316 h 1126416"/>
              <a:gd name="connsiteX7" fmla="*/ 2781300 w 3589020"/>
              <a:gd name="connsiteY7" fmla="*/ 166296 h 1126416"/>
              <a:gd name="connsiteX8" fmla="*/ 3261360 w 3589020"/>
              <a:gd name="connsiteY8" fmla="*/ 935916 h 1126416"/>
              <a:gd name="connsiteX9" fmla="*/ 3589020 w 3589020"/>
              <a:gd name="connsiteY9" fmla="*/ 1126416 h 112641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3589020" h="1126416">
                <a:moveTo>
                  <a:pt x="0" y="227256"/>
                </a:moveTo>
                <a:cubicBezTo>
                  <a:pt x="106680" y="267896"/>
                  <a:pt x="213360" y="308536"/>
                  <a:pt x="281940" y="440616"/>
                </a:cubicBezTo>
                <a:cubicBezTo>
                  <a:pt x="350520" y="572696"/>
                  <a:pt x="353060" y="982906"/>
                  <a:pt x="411480" y="1019736"/>
                </a:cubicBezTo>
                <a:cubicBezTo>
                  <a:pt x="469900" y="1056566"/>
                  <a:pt x="539750" y="686996"/>
                  <a:pt x="632460" y="661596"/>
                </a:cubicBezTo>
                <a:cubicBezTo>
                  <a:pt x="725170" y="636196"/>
                  <a:pt x="829310" y="975286"/>
                  <a:pt x="967740" y="867336"/>
                </a:cubicBezTo>
                <a:cubicBezTo>
                  <a:pt x="1106170" y="759386"/>
                  <a:pt x="1290320" y="104066"/>
                  <a:pt x="1463040" y="13896"/>
                </a:cubicBezTo>
                <a:cubicBezTo>
                  <a:pt x="1635760" y="-76274"/>
                  <a:pt x="1784350" y="300916"/>
                  <a:pt x="2004060" y="326316"/>
                </a:cubicBezTo>
                <a:cubicBezTo>
                  <a:pt x="2223770" y="351716"/>
                  <a:pt x="2571750" y="64696"/>
                  <a:pt x="2781300" y="166296"/>
                </a:cubicBezTo>
                <a:cubicBezTo>
                  <a:pt x="2990850" y="267896"/>
                  <a:pt x="3126740" y="775896"/>
                  <a:pt x="3261360" y="935916"/>
                </a:cubicBezTo>
                <a:cubicBezTo>
                  <a:pt x="3395980" y="1095936"/>
                  <a:pt x="3531870" y="1038786"/>
                  <a:pt x="3589020" y="1126416"/>
                </a:cubicBezTo>
              </a:path>
            </a:pathLst>
          </a:custGeom>
          <a:noFill/>
          <a:ln w="25400">
            <a:solidFill>
              <a:schemeClr val="accent5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16" name="Rectangle 15"/>
          <p:cNvSpPr/>
          <p:nvPr/>
        </p:nvSpPr>
        <p:spPr>
          <a:xfrm>
            <a:off x="8075136" y="2709962"/>
            <a:ext cx="3600000" cy="1440000"/>
          </a:xfrm>
          <a:prstGeom prst="rect">
            <a:avLst/>
          </a:prstGeom>
        </p:spPr>
        <p:style>
          <a:lnRef idx="2">
            <a:schemeClr val="accent2"/>
          </a:lnRef>
          <a:fillRef idx="1002">
            <a:schemeClr val="lt2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17" name="Freeform 16"/>
          <p:cNvSpPr/>
          <p:nvPr/>
        </p:nvSpPr>
        <p:spPr>
          <a:xfrm>
            <a:off x="8071511" y="3139953"/>
            <a:ext cx="3609975" cy="1010008"/>
          </a:xfrm>
          <a:custGeom>
            <a:avLst/>
            <a:gdLst>
              <a:gd name="connsiteX0" fmla="*/ 0 w 3597275"/>
              <a:gd name="connsiteY0" fmla="*/ 1144701 h 1187485"/>
              <a:gd name="connsiteX1" fmla="*/ 479425 w 3597275"/>
              <a:gd name="connsiteY1" fmla="*/ 1141526 h 1187485"/>
              <a:gd name="connsiteX2" fmla="*/ 955675 w 3597275"/>
              <a:gd name="connsiteY2" fmla="*/ 674801 h 1187485"/>
              <a:gd name="connsiteX3" fmla="*/ 1200150 w 3597275"/>
              <a:gd name="connsiteY3" fmla="*/ 100126 h 1187485"/>
              <a:gd name="connsiteX4" fmla="*/ 1466850 w 3597275"/>
              <a:gd name="connsiteY4" fmla="*/ 55676 h 1187485"/>
              <a:gd name="connsiteX5" fmla="*/ 1730375 w 3597275"/>
              <a:gd name="connsiteY5" fmla="*/ 677976 h 1187485"/>
              <a:gd name="connsiteX6" fmla="*/ 2365375 w 3597275"/>
              <a:gd name="connsiteY6" fmla="*/ 998651 h 1187485"/>
              <a:gd name="connsiteX7" fmla="*/ 3597275 w 3597275"/>
              <a:gd name="connsiteY7" fmla="*/ 1170101 h 1187485"/>
              <a:gd name="connsiteX0" fmla="*/ 0 w 3597275"/>
              <a:gd name="connsiteY0" fmla="*/ 1144701 h 1170101"/>
              <a:gd name="connsiteX1" fmla="*/ 479425 w 3597275"/>
              <a:gd name="connsiteY1" fmla="*/ 1141526 h 1170101"/>
              <a:gd name="connsiteX2" fmla="*/ 955675 w 3597275"/>
              <a:gd name="connsiteY2" fmla="*/ 674801 h 1170101"/>
              <a:gd name="connsiteX3" fmla="*/ 1200150 w 3597275"/>
              <a:gd name="connsiteY3" fmla="*/ 100126 h 1170101"/>
              <a:gd name="connsiteX4" fmla="*/ 1466850 w 3597275"/>
              <a:gd name="connsiteY4" fmla="*/ 55676 h 1170101"/>
              <a:gd name="connsiteX5" fmla="*/ 1730375 w 3597275"/>
              <a:gd name="connsiteY5" fmla="*/ 677976 h 1170101"/>
              <a:gd name="connsiteX6" fmla="*/ 2365375 w 3597275"/>
              <a:gd name="connsiteY6" fmla="*/ 998651 h 1170101"/>
              <a:gd name="connsiteX7" fmla="*/ 3597275 w 3597275"/>
              <a:gd name="connsiteY7" fmla="*/ 1170101 h 1170101"/>
              <a:gd name="connsiteX0" fmla="*/ 0 w 3597275"/>
              <a:gd name="connsiteY0" fmla="*/ 1144701 h 1170101"/>
              <a:gd name="connsiteX1" fmla="*/ 469900 w 3597275"/>
              <a:gd name="connsiteY1" fmla="*/ 1093901 h 1170101"/>
              <a:gd name="connsiteX2" fmla="*/ 955675 w 3597275"/>
              <a:gd name="connsiteY2" fmla="*/ 674801 h 1170101"/>
              <a:gd name="connsiteX3" fmla="*/ 1200150 w 3597275"/>
              <a:gd name="connsiteY3" fmla="*/ 100126 h 1170101"/>
              <a:gd name="connsiteX4" fmla="*/ 1466850 w 3597275"/>
              <a:gd name="connsiteY4" fmla="*/ 55676 h 1170101"/>
              <a:gd name="connsiteX5" fmla="*/ 1730375 w 3597275"/>
              <a:gd name="connsiteY5" fmla="*/ 677976 h 1170101"/>
              <a:gd name="connsiteX6" fmla="*/ 2365375 w 3597275"/>
              <a:gd name="connsiteY6" fmla="*/ 998651 h 1170101"/>
              <a:gd name="connsiteX7" fmla="*/ 3597275 w 3597275"/>
              <a:gd name="connsiteY7" fmla="*/ 1170101 h 1170101"/>
              <a:gd name="connsiteX0" fmla="*/ 0 w 3597275"/>
              <a:gd name="connsiteY0" fmla="*/ 1176451 h 1191215"/>
              <a:gd name="connsiteX1" fmla="*/ 469900 w 3597275"/>
              <a:gd name="connsiteY1" fmla="*/ 1093901 h 1191215"/>
              <a:gd name="connsiteX2" fmla="*/ 955675 w 3597275"/>
              <a:gd name="connsiteY2" fmla="*/ 674801 h 1191215"/>
              <a:gd name="connsiteX3" fmla="*/ 1200150 w 3597275"/>
              <a:gd name="connsiteY3" fmla="*/ 100126 h 1191215"/>
              <a:gd name="connsiteX4" fmla="*/ 1466850 w 3597275"/>
              <a:gd name="connsiteY4" fmla="*/ 55676 h 1191215"/>
              <a:gd name="connsiteX5" fmla="*/ 1730375 w 3597275"/>
              <a:gd name="connsiteY5" fmla="*/ 677976 h 1191215"/>
              <a:gd name="connsiteX6" fmla="*/ 2365375 w 3597275"/>
              <a:gd name="connsiteY6" fmla="*/ 998651 h 1191215"/>
              <a:gd name="connsiteX7" fmla="*/ 3597275 w 3597275"/>
              <a:gd name="connsiteY7" fmla="*/ 1170101 h 1191215"/>
              <a:gd name="connsiteX0" fmla="*/ 0 w 3597275"/>
              <a:gd name="connsiteY0" fmla="*/ 1176451 h 1176451"/>
              <a:gd name="connsiteX1" fmla="*/ 469900 w 3597275"/>
              <a:gd name="connsiteY1" fmla="*/ 1093901 h 1176451"/>
              <a:gd name="connsiteX2" fmla="*/ 955675 w 3597275"/>
              <a:gd name="connsiteY2" fmla="*/ 674801 h 1176451"/>
              <a:gd name="connsiteX3" fmla="*/ 1200150 w 3597275"/>
              <a:gd name="connsiteY3" fmla="*/ 100126 h 1176451"/>
              <a:gd name="connsiteX4" fmla="*/ 1466850 w 3597275"/>
              <a:gd name="connsiteY4" fmla="*/ 55676 h 1176451"/>
              <a:gd name="connsiteX5" fmla="*/ 1730375 w 3597275"/>
              <a:gd name="connsiteY5" fmla="*/ 677976 h 1176451"/>
              <a:gd name="connsiteX6" fmla="*/ 2365375 w 3597275"/>
              <a:gd name="connsiteY6" fmla="*/ 998651 h 1176451"/>
              <a:gd name="connsiteX7" fmla="*/ 3597275 w 3597275"/>
              <a:gd name="connsiteY7" fmla="*/ 1170101 h 1176451"/>
              <a:gd name="connsiteX0" fmla="*/ 0 w 3597275"/>
              <a:gd name="connsiteY0" fmla="*/ 1176451 h 1176451"/>
              <a:gd name="connsiteX1" fmla="*/ 469900 w 3597275"/>
              <a:gd name="connsiteY1" fmla="*/ 1093901 h 1176451"/>
              <a:gd name="connsiteX2" fmla="*/ 955675 w 3597275"/>
              <a:gd name="connsiteY2" fmla="*/ 674801 h 1176451"/>
              <a:gd name="connsiteX3" fmla="*/ 1200150 w 3597275"/>
              <a:gd name="connsiteY3" fmla="*/ 100126 h 1176451"/>
              <a:gd name="connsiteX4" fmla="*/ 1466850 w 3597275"/>
              <a:gd name="connsiteY4" fmla="*/ 55676 h 1176451"/>
              <a:gd name="connsiteX5" fmla="*/ 1730375 w 3597275"/>
              <a:gd name="connsiteY5" fmla="*/ 677976 h 1176451"/>
              <a:gd name="connsiteX6" fmla="*/ 2365375 w 3597275"/>
              <a:gd name="connsiteY6" fmla="*/ 998651 h 1176451"/>
              <a:gd name="connsiteX7" fmla="*/ 3597275 w 3597275"/>
              <a:gd name="connsiteY7" fmla="*/ 1170101 h 1176451"/>
              <a:gd name="connsiteX0" fmla="*/ 0 w 3597275"/>
              <a:gd name="connsiteY0" fmla="*/ 1176451 h 1176451"/>
              <a:gd name="connsiteX1" fmla="*/ 469900 w 3597275"/>
              <a:gd name="connsiteY1" fmla="*/ 1093901 h 1176451"/>
              <a:gd name="connsiteX2" fmla="*/ 955675 w 3597275"/>
              <a:gd name="connsiteY2" fmla="*/ 674801 h 1176451"/>
              <a:gd name="connsiteX3" fmla="*/ 1200150 w 3597275"/>
              <a:gd name="connsiteY3" fmla="*/ 100126 h 1176451"/>
              <a:gd name="connsiteX4" fmla="*/ 1466850 w 3597275"/>
              <a:gd name="connsiteY4" fmla="*/ 55676 h 1176451"/>
              <a:gd name="connsiteX5" fmla="*/ 1730375 w 3597275"/>
              <a:gd name="connsiteY5" fmla="*/ 677976 h 1176451"/>
              <a:gd name="connsiteX6" fmla="*/ 2254250 w 3597275"/>
              <a:gd name="connsiteY6" fmla="*/ 1036751 h 1176451"/>
              <a:gd name="connsiteX7" fmla="*/ 3597275 w 3597275"/>
              <a:gd name="connsiteY7" fmla="*/ 1170101 h 1176451"/>
              <a:gd name="connsiteX0" fmla="*/ 0 w 3603625"/>
              <a:gd name="connsiteY0" fmla="*/ 1176451 h 1176451"/>
              <a:gd name="connsiteX1" fmla="*/ 469900 w 3603625"/>
              <a:gd name="connsiteY1" fmla="*/ 1093901 h 1176451"/>
              <a:gd name="connsiteX2" fmla="*/ 955675 w 3603625"/>
              <a:gd name="connsiteY2" fmla="*/ 674801 h 1176451"/>
              <a:gd name="connsiteX3" fmla="*/ 1200150 w 3603625"/>
              <a:gd name="connsiteY3" fmla="*/ 100126 h 1176451"/>
              <a:gd name="connsiteX4" fmla="*/ 1466850 w 3603625"/>
              <a:gd name="connsiteY4" fmla="*/ 55676 h 1176451"/>
              <a:gd name="connsiteX5" fmla="*/ 1730375 w 3603625"/>
              <a:gd name="connsiteY5" fmla="*/ 677976 h 1176451"/>
              <a:gd name="connsiteX6" fmla="*/ 2254250 w 3603625"/>
              <a:gd name="connsiteY6" fmla="*/ 1036751 h 1176451"/>
              <a:gd name="connsiteX7" fmla="*/ 3603625 w 3603625"/>
              <a:gd name="connsiteY7" fmla="*/ 1151051 h 1176451"/>
              <a:gd name="connsiteX0" fmla="*/ 0 w 3609975"/>
              <a:gd name="connsiteY0" fmla="*/ 1176451 h 1176451"/>
              <a:gd name="connsiteX1" fmla="*/ 469900 w 3609975"/>
              <a:gd name="connsiteY1" fmla="*/ 1093901 h 1176451"/>
              <a:gd name="connsiteX2" fmla="*/ 955675 w 3609975"/>
              <a:gd name="connsiteY2" fmla="*/ 674801 h 1176451"/>
              <a:gd name="connsiteX3" fmla="*/ 1200150 w 3609975"/>
              <a:gd name="connsiteY3" fmla="*/ 100126 h 1176451"/>
              <a:gd name="connsiteX4" fmla="*/ 1466850 w 3609975"/>
              <a:gd name="connsiteY4" fmla="*/ 55676 h 1176451"/>
              <a:gd name="connsiteX5" fmla="*/ 1730375 w 3609975"/>
              <a:gd name="connsiteY5" fmla="*/ 677976 h 1176451"/>
              <a:gd name="connsiteX6" fmla="*/ 2254250 w 3609975"/>
              <a:gd name="connsiteY6" fmla="*/ 1036751 h 1176451"/>
              <a:gd name="connsiteX7" fmla="*/ 3609975 w 3609975"/>
              <a:gd name="connsiteY7" fmla="*/ 1176451 h 1176451"/>
              <a:gd name="connsiteX0" fmla="*/ 0 w 3609975"/>
              <a:gd name="connsiteY0" fmla="*/ 1176451 h 1176451"/>
              <a:gd name="connsiteX1" fmla="*/ 469900 w 3609975"/>
              <a:gd name="connsiteY1" fmla="*/ 1093901 h 1176451"/>
              <a:gd name="connsiteX2" fmla="*/ 955675 w 3609975"/>
              <a:gd name="connsiteY2" fmla="*/ 674801 h 1176451"/>
              <a:gd name="connsiteX3" fmla="*/ 1200150 w 3609975"/>
              <a:gd name="connsiteY3" fmla="*/ 100126 h 1176451"/>
              <a:gd name="connsiteX4" fmla="*/ 1466850 w 3609975"/>
              <a:gd name="connsiteY4" fmla="*/ 55676 h 1176451"/>
              <a:gd name="connsiteX5" fmla="*/ 1730375 w 3609975"/>
              <a:gd name="connsiteY5" fmla="*/ 677976 h 1176451"/>
              <a:gd name="connsiteX6" fmla="*/ 2956214 w 3609975"/>
              <a:gd name="connsiteY6" fmla="*/ 445623 h 1176451"/>
              <a:gd name="connsiteX7" fmla="*/ 3609975 w 3609975"/>
              <a:gd name="connsiteY7" fmla="*/ 1176451 h 1176451"/>
              <a:gd name="connsiteX0" fmla="*/ 0 w 3609975"/>
              <a:gd name="connsiteY0" fmla="*/ 1195206 h 1195206"/>
              <a:gd name="connsiteX1" fmla="*/ 469900 w 3609975"/>
              <a:gd name="connsiteY1" fmla="*/ 1112656 h 1195206"/>
              <a:gd name="connsiteX2" fmla="*/ 955675 w 3609975"/>
              <a:gd name="connsiteY2" fmla="*/ 693556 h 1195206"/>
              <a:gd name="connsiteX3" fmla="*/ 1200150 w 3609975"/>
              <a:gd name="connsiteY3" fmla="*/ 118881 h 1195206"/>
              <a:gd name="connsiteX4" fmla="*/ 1466850 w 3609975"/>
              <a:gd name="connsiteY4" fmla="*/ 74431 h 1195206"/>
              <a:gd name="connsiteX5" fmla="*/ 2238375 w 3609975"/>
              <a:gd name="connsiteY5" fmla="*/ 955349 h 1195206"/>
              <a:gd name="connsiteX6" fmla="*/ 2956214 w 3609975"/>
              <a:gd name="connsiteY6" fmla="*/ 464378 h 1195206"/>
              <a:gd name="connsiteX7" fmla="*/ 3609975 w 3609975"/>
              <a:gd name="connsiteY7" fmla="*/ 1195206 h 1195206"/>
              <a:gd name="connsiteX0" fmla="*/ 0 w 3609975"/>
              <a:gd name="connsiteY0" fmla="*/ 1087710 h 1087710"/>
              <a:gd name="connsiteX1" fmla="*/ 469900 w 3609975"/>
              <a:gd name="connsiteY1" fmla="*/ 1005160 h 1087710"/>
              <a:gd name="connsiteX2" fmla="*/ 955675 w 3609975"/>
              <a:gd name="connsiteY2" fmla="*/ 586060 h 1087710"/>
              <a:gd name="connsiteX3" fmla="*/ 1200150 w 3609975"/>
              <a:gd name="connsiteY3" fmla="*/ 11385 h 1087710"/>
              <a:gd name="connsiteX4" fmla="*/ 1845541 w 3609975"/>
              <a:gd name="connsiteY4" fmla="*/ 253263 h 1087710"/>
              <a:gd name="connsiteX5" fmla="*/ 2238375 w 3609975"/>
              <a:gd name="connsiteY5" fmla="*/ 847853 h 1087710"/>
              <a:gd name="connsiteX6" fmla="*/ 2956214 w 3609975"/>
              <a:gd name="connsiteY6" fmla="*/ 356882 h 1087710"/>
              <a:gd name="connsiteX7" fmla="*/ 3609975 w 3609975"/>
              <a:gd name="connsiteY7" fmla="*/ 1087710 h 1087710"/>
              <a:gd name="connsiteX0" fmla="*/ 0 w 3609975"/>
              <a:gd name="connsiteY0" fmla="*/ 834718 h 834718"/>
              <a:gd name="connsiteX1" fmla="*/ 469900 w 3609975"/>
              <a:gd name="connsiteY1" fmla="*/ 752168 h 834718"/>
              <a:gd name="connsiteX2" fmla="*/ 955675 w 3609975"/>
              <a:gd name="connsiteY2" fmla="*/ 333068 h 834718"/>
              <a:gd name="connsiteX3" fmla="*/ 1468005 w 3609975"/>
              <a:gd name="connsiteY3" fmla="*/ 515775 h 834718"/>
              <a:gd name="connsiteX4" fmla="*/ 1845541 w 3609975"/>
              <a:gd name="connsiteY4" fmla="*/ 271 h 834718"/>
              <a:gd name="connsiteX5" fmla="*/ 2238375 w 3609975"/>
              <a:gd name="connsiteY5" fmla="*/ 594861 h 834718"/>
              <a:gd name="connsiteX6" fmla="*/ 2956214 w 3609975"/>
              <a:gd name="connsiteY6" fmla="*/ 103890 h 834718"/>
              <a:gd name="connsiteX7" fmla="*/ 3609975 w 3609975"/>
              <a:gd name="connsiteY7" fmla="*/ 834718 h 834718"/>
              <a:gd name="connsiteX0" fmla="*/ 0 w 3609975"/>
              <a:gd name="connsiteY0" fmla="*/ 1010145 h 1010145"/>
              <a:gd name="connsiteX1" fmla="*/ 469900 w 3609975"/>
              <a:gd name="connsiteY1" fmla="*/ 927595 h 1010145"/>
              <a:gd name="connsiteX2" fmla="*/ 955675 w 3609975"/>
              <a:gd name="connsiteY2" fmla="*/ 508495 h 1010145"/>
              <a:gd name="connsiteX3" fmla="*/ 1468005 w 3609975"/>
              <a:gd name="connsiteY3" fmla="*/ 691202 h 1010145"/>
              <a:gd name="connsiteX4" fmla="*/ 1845541 w 3609975"/>
              <a:gd name="connsiteY4" fmla="*/ 207 h 1010145"/>
              <a:gd name="connsiteX5" fmla="*/ 2238375 w 3609975"/>
              <a:gd name="connsiteY5" fmla="*/ 770288 h 1010145"/>
              <a:gd name="connsiteX6" fmla="*/ 2956214 w 3609975"/>
              <a:gd name="connsiteY6" fmla="*/ 279317 h 1010145"/>
              <a:gd name="connsiteX7" fmla="*/ 3609975 w 3609975"/>
              <a:gd name="connsiteY7" fmla="*/ 1010145 h 1010145"/>
              <a:gd name="connsiteX0" fmla="*/ 0 w 3609975"/>
              <a:gd name="connsiteY0" fmla="*/ 1010162 h 1010162"/>
              <a:gd name="connsiteX1" fmla="*/ 469900 w 3609975"/>
              <a:gd name="connsiteY1" fmla="*/ 927612 h 1010162"/>
              <a:gd name="connsiteX2" fmla="*/ 1029566 w 3609975"/>
              <a:gd name="connsiteY2" fmla="*/ 794840 h 1010162"/>
              <a:gd name="connsiteX3" fmla="*/ 1468005 w 3609975"/>
              <a:gd name="connsiteY3" fmla="*/ 691219 h 1010162"/>
              <a:gd name="connsiteX4" fmla="*/ 1845541 w 3609975"/>
              <a:gd name="connsiteY4" fmla="*/ 224 h 1010162"/>
              <a:gd name="connsiteX5" fmla="*/ 2238375 w 3609975"/>
              <a:gd name="connsiteY5" fmla="*/ 770305 h 1010162"/>
              <a:gd name="connsiteX6" fmla="*/ 2956214 w 3609975"/>
              <a:gd name="connsiteY6" fmla="*/ 279334 h 1010162"/>
              <a:gd name="connsiteX7" fmla="*/ 3609975 w 3609975"/>
              <a:gd name="connsiteY7" fmla="*/ 1010162 h 1010162"/>
              <a:gd name="connsiteX0" fmla="*/ 0 w 3609975"/>
              <a:gd name="connsiteY0" fmla="*/ 1010171 h 1010171"/>
              <a:gd name="connsiteX1" fmla="*/ 469900 w 3609975"/>
              <a:gd name="connsiteY1" fmla="*/ 927621 h 1010171"/>
              <a:gd name="connsiteX2" fmla="*/ 1468005 w 3609975"/>
              <a:gd name="connsiteY2" fmla="*/ 691228 h 1010171"/>
              <a:gd name="connsiteX3" fmla="*/ 1845541 w 3609975"/>
              <a:gd name="connsiteY3" fmla="*/ 233 h 1010171"/>
              <a:gd name="connsiteX4" fmla="*/ 2238375 w 3609975"/>
              <a:gd name="connsiteY4" fmla="*/ 770314 h 1010171"/>
              <a:gd name="connsiteX5" fmla="*/ 2956214 w 3609975"/>
              <a:gd name="connsiteY5" fmla="*/ 279343 h 1010171"/>
              <a:gd name="connsiteX6" fmla="*/ 3609975 w 3609975"/>
              <a:gd name="connsiteY6" fmla="*/ 1010171 h 1010171"/>
              <a:gd name="connsiteX0" fmla="*/ 0 w 3609975"/>
              <a:gd name="connsiteY0" fmla="*/ 1010171 h 1010171"/>
              <a:gd name="connsiteX1" fmla="*/ 469900 w 3609975"/>
              <a:gd name="connsiteY1" fmla="*/ 927621 h 1010171"/>
              <a:gd name="connsiteX2" fmla="*/ 1468005 w 3609975"/>
              <a:gd name="connsiteY2" fmla="*/ 691228 h 1010171"/>
              <a:gd name="connsiteX3" fmla="*/ 1845541 w 3609975"/>
              <a:gd name="connsiteY3" fmla="*/ 233 h 1010171"/>
              <a:gd name="connsiteX4" fmla="*/ 2238375 w 3609975"/>
              <a:gd name="connsiteY4" fmla="*/ 770314 h 1010171"/>
              <a:gd name="connsiteX5" fmla="*/ 2956214 w 3609975"/>
              <a:gd name="connsiteY5" fmla="*/ 279343 h 1010171"/>
              <a:gd name="connsiteX6" fmla="*/ 3609975 w 3609975"/>
              <a:gd name="connsiteY6" fmla="*/ 1010171 h 1010171"/>
              <a:gd name="connsiteX0" fmla="*/ 0 w 3609975"/>
              <a:gd name="connsiteY0" fmla="*/ 1010077 h 1010077"/>
              <a:gd name="connsiteX1" fmla="*/ 469900 w 3609975"/>
              <a:gd name="connsiteY1" fmla="*/ 927527 h 1010077"/>
              <a:gd name="connsiteX2" fmla="*/ 1468005 w 3609975"/>
              <a:gd name="connsiteY2" fmla="*/ 691134 h 1010077"/>
              <a:gd name="connsiteX3" fmla="*/ 1845541 w 3609975"/>
              <a:gd name="connsiteY3" fmla="*/ 139 h 1010077"/>
              <a:gd name="connsiteX4" fmla="*/ 2386157 w 3609975"/>
              <a:gd name="connsiteY4" fmla="*/ 751747 h 1010077"/>
              <a:gd name="connsiteX5" fmla="*/ 2956214 w 3609975"/>
              <a:gd name="connsiteY5" fmla="*/ 279249 h 1010077"/>
              <a:gd name="connsiteX6" fmla="*/ 3609975 w 3609975"/>
              <a:gd name="connsiteY6" fmla="*/ 1010077 h 1010077"/>
              <a:gd name="connsiteX0" fmla="*/ 0 w 3609975"/>
              <a:gd name="connsiteY0" fmla="*/ 1010077 h 1010077"/>
              <a:gd name="connsiteX1" fmla="*/ 469900 w 3609975"/>
              <a:gd name="connsiteY1" fmla="*/ 927527 h 1010077"/>
              <a:gd name="connsiteX2" fmla="*/ 1468005 w 3609975"/>
              <a:gd name="connsiteY2" fmla="*/ 691134 h 1010077"/>
              <a:gd name="connsiteX3" fmla="*/ 1845541 w 3609975"/>
              <a:gd name="connsiteY3" fmla="*/ 139 h 1010077"/>
              <a:gd name="connsiteX4" fmla="*/ 2386157 w 3609975"/>
              <a:gd name="connsiteY4" fmla="*/ 751747 h 1010077"/>
              <a:gd name="connsiteX5" fmla="*/ 2725305 w 3609975"/>
              <a:gd name="connsiteY5" fmla="*/ 306959 h 1010077"/>
              <a:gd name="connsiteX6" fmla="*/ 3609975 w 3609975"/>
              <a:gd name="connsiteY6" fmla="*/ 1010077 h 1010077"/>
              <a:gd name="connsiteX0" fmla="*/ 0 w 3609975"/>
              <a:gd name="connsiteY0" fmla="*/ 1010077 h 1010077"/>
              <a:gd name="connsiteX1" fmla="*/ 469900 w 3609975"/>
              <a:gd name="connsiteY1" fmla="*/ 927527 h 1010077"/>
              <a:gd name="connsiteX2" fmla="*/ 1468005 w 3609975"/>
              <a:gd name="connsiteY2" fmla="*/ 691134 h 1010077"/>
              <a:gd name="connsiteX3" fmla="*/ 1845541 w 3609975"/>
              <a:gd name="connsiteY3" fmla="*/ 139 h 1010077"/>
              <a:gd name="connsiteX4" fmla="*/ 2386157 w 3609975"/>
              <a:gd name="connsiteY4" fmla="*/ 751747 h 1010077"/>
              <a:gd name="connsiteX5" fmla="*/ 2725305 w 3609975"/>
              <a:gd name="connsiteY5" fmla="*/ 306959 h 1010077"/>
              <a:gd name="connsiteX6" fmla="*/ 3609975 w 3609975"/>
              <a:gd name="connsiteY6" fmla="*/ 1010077 h 1010077"/>
              <a:gd name="connsiteX0" fmla="*/ 0 w 3609975"/>
              <a:gd name="connsiteY0" fmla="*/ 1010012 h 1010012"/>
              <a:gd name="connsiteX1" fmla="*/ 469900 w 3609975"/>
              <a:gd name="connsiteY1" fmla="*/ 927462 h 1010012"/>
              <a:gd name="connsiteX2" fmla="*/ 1468005 w 3609975"/>
              <a:gd name="connsiteY2" fmla="*/ 691069 h 1010012"/>
              <a:gd name="connsiteX3" fmla="*/ 1845541 w 3609975"/>
              <a:gd name="connsiteY3" fmla="*/ 74 h 1010012"/>
              <a:gd name="connsiteX4" fmla="*/ 2386157 w 3609975"/>
              <a:gd name="connsiteY4" fmla="*/ 751682 h 1010012"/>
              <a:gd name="connsiteX5" fmla="*/ 2725305 w 3609975"/>
              <a:gd name="connsiteY5" fmla="*/ 306894 h 1010012"/>
              <a:gd name="connsiteX6" fmla="*/ 3609975 w 3609975"/>
              <a:gd name="connsiteY6" fmla="*/ 1010012 h 1010012"/>
              <a:gd name="connsiteX0" fmla="*/ 0 w 3609975"/>
              <a:gd name="connsiteY0" fmla="*/ 1010012 h 1010012"/>
              <a:gd name="connsiteX1" fmla="*/ 469900 w 3609975"/>
              <a:gd name="connsiteY1" fmla="*/ 927462 h 1010012"/>
              <a:gd name="connsiteX2" fmla="*/ 1468005 w 3609975"/>
              <a:gd name="connsiteY2" fmla="*/ 691069 h 1010012"/>
              <a:gd name="connsiteX3" fmla="*/ 1845541 w 3609975"/>
              <a:gd name="connsiteY3" fmla="*/ 74 h 1010012"/>
              <a:gd name="connsiteX4" fmla="*/ 2386157 w 3609975"/>
              <a:gd name="connsiteY4" fmla="*/ 751682 h 1010012"/>
              <a:gd name="connsiteX5" fmla="*/ 2725305 w 3609975"/>
              <a:gd name="connsiteY5" fmla="*/ 306894 h 1010012"/>
              <a:gd name="connsiteX6" fmla="*/ 3609975 w 3609975"/>
              <a:gd name="connsiteY6" fmla="*/ 1010012 h 1010012"/>
              <a:gd name="connsiteX0" fmla="*/ 0 w 3609975"/>
              <a:gd name="connsiteY0" fmla="*/ 1010008 h 1010008"/>
              <a:gd name="connsiteX1" fmla="*/ 469900 w 3609975"/>
              <a:gd name="connsiteY1" fmla="*/ 927458 h 1010008"/>
              <a:gd name="connsiteX2" fmla="*/ 1468005 w 3609975"/>
              <a:gd name="connsiteY2" fmla="*/ 691065 h 1010008"/>
              <a:gd name="connsiteX3" fmla="*/ 1845541 w 3609975"/>
              <a:gd name="connsiteY3" fmla="*/ 70 h 1010008"/>
              <a:gd name="connsiteX4" fmla="*/ 2386157 w 3609975"/>
              <a:gd name="connsiteY4" fmla="*/ 751678 h 1010008"/>
              <a:gd name="connsiteX5" fmla="*/ 2725305 w 3609975"/>
              <a:gd name="connsiteY5" fmla="*/ 306890 h 1010008"/>
              <a:gd name="connsiteX6" fmla="*/ 3609975 w 3609975"/>
              <a:gd name="connsiteY6" fmla="*/ 1010008 h 101000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3609975" h="1010008">
                <a:moveTo>
                  <a:pt x="0" y="1010008"/>
                </a:moveTo>
                <a:cubicBezTo>
                  <a:pt x="163248" y="996779"/>
                  <a:pt x="225233" y="980615"/>
                  <a:pt x="469900" y="927458"/>
                </a:cubicBezTo>
                <a:cubicBezTo>
                  <a:pt x="714567" y="874301"/>
                  <a:pt x="1238732" y="845630"/>
                  <a:pt x="1468005" y="691065"/>
                </a:cubicBezTo>
                <a:cubicBezTo>
                  <a:pt x="1697278" y="536500"/>
                  <a:pt x="1683279" y="8441"/>
                  <a:pt x="1845541" y="70"/>
                </a:cubicBezTo>
                <a:cubicBezTo>
                  <a:pt x="2007803" y="-8301"/>
                  <a:pt x="2211821" y="746722"/>
                  <a:pt x="2386157" y="751678"/>
                </a:cubicBezTo>
                <a:cubicBezTo>
                  <a:pt x="2560493" y="756634"/>
                  <a:pt x="2530572" y="300780"/>
                  <a:pt x="2725305" y="306890"/>
                </a:cubicBezTo>
                <a:cubicBezTo>
                  <a:pt x="2920038" y="313000"/>
                  <a:pt x="2851150" y="965558"/>
                  <a:pt x="3609975" y="1010008"/>
                </a:cubicBezTo>
              </a:path>
            </a:pathLst>
          </a:custGeom>
          <a:solidFill>
            <a:schemeClr val="accent2">
              <a:lumMod val="75000"/>
            </a:schemeClr>
          </a:solidFill>
          <a:ln w="25400">
            <a:solidFill>
              <a:schemeClr val="accent2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18" name="TextBox 17"/>
          <p:cNvSpPr txBox="1"/>
          <p:nvPr/>
        </p:nvSpPr>
        <p:spPr>
          <a:xfrm>
            <a:off x="8068786" y="2340630"/>
            <a:ext cx="222048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>
                <a:latin typeface="Gentium Basic" panose="02000503060000020004" pitchFamily="2" charset="0"/>
              </a:rPr>
              <a:t>possible origin points</a:t>
            </a:r>
            <a:endParaRPr lang="de-CH" dirty="0">
              <a:latin typeface="Gentium Basic" panose="02000503060000020004" pitchFamily="2" charset="0"/>
            </a:endParaRPr>
          </a:p>
        </p:txBody>
      </p:sp>
      <p:sp>
        <p:nvSpPr>
          <p:cNvPr id="48" name="TextBox 47"/>
          <p:cNvSpPr txBox="1"/>
          <p:nvPr/>
        </p:nvSpPr>
        <p:spPr>
          <a:xfrm>
            <a:off x="6142219" y="3439127"/>
            <a:ext cx="1279517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1200" dirty="0">
                <a:latin typeface="Gentium Basic" panose="02000503060000020004" pitchFamily="2" charset="0"/>
              </a:rPr>
              <a:t>intensity at time</a:t>
            </a:r>
          </a:p>
          <a:p>
            <a:pPr algn="ctr"/>
            <a:r>
              <a:rPr lang="en-US" sz="1200" dirty="0">
                <a:latin typeface="Gentium Basic" panose="02000503060000020004" pitchFamily="2" charset="0"/>
              </a:rPr>
              <a:t>of previous </a:t>
            </a:r>
            <a:r>
              <a:rPr lang="en-US" sz="1200" dirty="0" smtClean="0">
                <a:latin typeface="Gentium Basic" panose="02000503060000020004" pitchFamily="2" charset="0"/>
              </a:rPr>
              <a:t>event</a:t>
            </a:r>
            <a:endParaRPr lang="de-CH" sz="1200" dirty="0">
              <a:latin typeface="Gentium Basic" panose="02000503060000020004" pitchFamily="2" charset="0"/>
            </a:endParaRPr>
          </a:p>
        </p:txBody>
      </p:sp>
      <p:cxnSp>
        <p:nvCxnSpPr>
          <p:cNvPr id="50" name="Straight Connector 49"/>
          <p:cNvCxnSpPr/>
          <p:nvPr/>
        </p:nvCxnSpPr>
        <p:spPr>
          <a:xfrm>
            <a:off x="9920715" y="2709961"/>
            <a:ext cx="0" cy="1440000"/>
          </a:xfrm>
          <a:prstGeom prst="line">
            <a:avLst/>
          </a:prstGeom>
          <a:ln w="25400">
            <a:solidFill>
              <a:schemeClr val="accent5"/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Straight Connector 51"/>
          <p:cNvCxnSpPr/>
          <p:nvPr/>
        </p:nvCxnSpPr>
        <p:spPr>
          <a:xfrm>
            <a:off x="6142219" y="2709960"/>
            <a:ext cx="0" cy="1440000"/>
          </a:xfrm>
          <a:prstGeom prst="line">
            <a:avLst/>
          </a:prstGeom>
          <a:ln w="25400">
            <a:solidFill>
              <a:schemeClr val="accent5"/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5" name="Oval 44"/>
          <p:cNvSpPr/>
          <p:nvPr/>
        </p:nvSpPr>
        <p:spPr>
          <a:xfrm>
            <a:off x="6057103" y="3069679"/>
            <a:ext cx="170232" cy="170232"/>
          </a:xfrm>
          <a:prstGeom prst="ellipse">
            <a:avLst/>
          </a:prstGeom>
          <a:solidFill>
            <a:schemeClr val="accent5"/>
          </a:solidFill>
          <a:ln w="25400">
            <a:solidFill>
              <a:schemeClr val="accent5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56" name="Arc 55"/>
          <p:cNvSpPr/>
          <p:nvPr/>
        </p:nvSpPr>
        <p:spPr>
          <a:xfrm>
            <a:off x="5796680" y="3156597"/>
            <a:ext cx="947944" cy="666103"/>
          </a:xfrm>
          <a:prstGeom prst="arc">
            <a:avLst/>
          </a:prstGeom>
          <a:ln w="12700">
            <a:solidFill>
              <a:schemeClr val="tx1"/>
            </a:solidFill>
            <a:headEnd type="stealt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grpSp>
        <p:nvGrpSpPr>
          <p:cNvPr id="63" name="Group 62"/>
          <p:cNvGrpSpPr/>
          <p:nvPr/>
        </p:nvGrpSpPr>
        <p:grpSpPr>
          <a:xfrm>
            <a:off x="4294041" y="3429962"/>
            <a:ext cx="3606350" cy="9166"/>
            <a:chOff x="4294041" y="3429962"/>
            <a:chExt cx="3606350" cy="9166"/>
          </a:xfrm>
        </p:grpSpPr>
        <p:cxnSp>
          <p:nvCxnSpPr>
            <p:cNvPr id="60" name="Straight Connector 59"/>
            <p:cNvCxnSpPr>
              <a:endCxn id="12" idx="3"/>
            </p:cNvCxnSpPr>
            <p:nvPr/>
          </p:nvCxnSpPr>
          <p:spPr>
            <a:xfrm flipV="1">
              <a:off x="4294041" y="3429962"/>
              <a:ext cx="3606350" cy="9166"/>
            </a:xfrm>
            <a:prstGeom prst="line">
              <a:avLst/>
            </a:prstGeom>
            <a:ln w="254000">
              <a:gradFill flip="none" rotWithShape="1">
                <a:gsLst>
                  <a:gs pos="0">
                    <a:schemeClr val="accent5">
                      <a:alpha val="0"/>
                    </a:schemeClr>
                  </a:gs>
                  <a:gs pos="50000">
                    <a:schemeClr val="accent5"/>
                  </a:gs>
                  <a:gs pos="100000">
                    <a:schemeClr val="accent5">
                      <a:alpha val="0"/>
                    </a:schemeClr>
                  </a:gs>
                </a:gsLst>
                <a:lin ang="5400000" scaled="1"/>
                <a:tileRect/>
              </a:gradFill>
              <a:prstDash val="soli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9" name="Straight Connector 58"/>
            <p:cNvCxnSpPr/>
            <p:nvPr/>
          </p:nvCxnSpPr>
          <p:spPr>
            <a:xfrm>
              <a:off x="4294041" y="3439127"/>
              <a:ext cx="3596249" cy="0"/>
            </a:xfrm>
            <a:prstGeom prst="line">
              <a:avLst/>
            </a:prstGeom>
            <a:ln w="25400">
              <a:solidFill>
                <a:schemeClr val="accent5">
                  <a:lumMod val="75000"/>
                </a:schemeClr>
              </a:solidFill>
              <a:prstDash val="sys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cxnSp>
        <p:nvCxnSpPr>
          <p:cNvPr id="65" name="Straight Arrow Connector 64"/>
          <p:cNvCxnSpPr/>
          <p:nvPr/>
        </p:nvCxnSpPr>
        <p:spPr>
          <a:xfrm>
            <a:off x="5029200" y="3154795"/>
            <a:ext cx="0" cy="284332"/>
          </a:xfrm>
          <a:prstGeom prst="straightConnector1">
            <a:avLst/>
          </a:prstGeom>
          <a:ln w="12700">
            <a:solidFill>
              <a:schemeClr val="tx1"/>
            </a:solidFill>
            <a:headEnd type="stealth" w="med" len="med"/>
            <a:tailEnd type="stealt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6" name="TextBox 65"/>
          <p:cNvSpPr txBox="1"/>
          <p:nvPr/>
        </p:nvSpPr>
        <p:spPr>
          <a:xfrm>
            <a:off x="4651014" y="2885792"/>
            <a:ext cx="797014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1200" dirty="0" smtClean="0">
                <a:latin typeface="Gentium Basic" panose="02000503060000020004" pitchFamily="2" charset="0"/>
              </a:rPr>
              <a:t>threshold</a:t>
            </a:r>
            <a:endParaRPr lang="de-CH" sz="1200" dirty="0">
              <a:latin typeface="Gentium Basic" panose="02000503060000020004" pitchFamily="2" charset="0"/>
            </a:endParaRPr>
          </a:p>
        </p:txBody>
      </p:sp>
      <p:grpSp>
        <p:nvGrpSpPr>
          <p:cNvPr id="5" name="Group 4"/>
          <p:cNvGrpSpPr/>
          <p:nvPr/>
        </p:nvGrpSpPr>
        <p:grpSpPr>
          <a:xfrm>
            <a:off x="518018" y="4330811"/>
            <a:ext cx="7400432" cy="1811963"/>
            <a:chOff x="518018" y="4330811"/>
            <a:chExt cx="7400432" cy="1811963"/>
          </a:xfrm>
        </p:grpSpPr>
        <p:sp>
          <p:nvSpPr>
            <p:cNvPr id="31" name="Rectangle 30"/>
            <p:cNvSpPr/>
            <p:nvPr/>
          </p:nvSpPr>
          <p:spPr>
            <a:xfrm>
              <a:off x="524368" y="4700145"/>
              <a:ext cx="3600000" cy="1440000"/>
            </a:xfrm>
            <a:prstGeom prst="rect">
              <a:avLst/>
            </a:prstGeom>
          </p:spPr>
          <p:style>
            <a:lnRef idx="2">
              <a:schemeClr val="accent2"/>
            </a:lnRef>
            <a:fillRef idx="1002">
              <a:schemeClr val="lt2"/>
            </a:fillRef>
            <a:effectRef idx="0">
              <a:schemeClr val="accent2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de-CH"/>
            </a:p>
          </p:txBody>
        </p:sp>
        <p:sp>
          <p:nvSpPr>
            <p:cNvPr id="32" name="Freeform 31"/>
            <p:cNvSpPr/>
            <p:nvPr/>
          </p:nvSpPr>
          <p:spPr>
            <a:xfrm>
              <a:off x="520743" y="5435712"/>
              <a:ext cx="3609975" cy="704433"/>
            </a:xfrm>
            <a:custGeom>
              <a:avLst/>
              <a:gdLst>
                <a:gd name="connsiteX0" fmla="*/ 0 w 3597275"/>
                <a:gd name="connsiteY0" fmla="*/ 1144701 h 1187485"/>
                <a:gd name="connsiteX1" fmla="*/ 479425 w 3597275"/>
                <a:gd name="connsiteY1" fmla="*/ 1141526 h 1187485"/>
                <a:gd name="connsiteX2" fmla="*/ 955675 w 3597275"/>
                <a:gd name="connsiteY2" fmla="*/ 674801 h 1187485"/>
                <a:gd name="connsiteX3" fmla="*/ 1200150 w 3597275"/>
                <a:gd name="connsiteY3" fmla="*/ 100126 h 1187485"/>
                <a:gd name="connsiteX4" fmla="*/ 1466850 w 3597275"/>
                <a:gd name="connsiteY4" fmla="*/ 55676 h 1187485"/>
                <a:gd name="connsiteX5" fmla="*/ 1730375 w 3597275"/>
                <a:gd name="connsiteY5" fmla="*/ 677976 h 1187485"/>
                <a:gd name="connsiteX6" fmla="*/ 2365375 w 3597275"/>
                <a:gd name="connsiteY6" fmla="*/ 998651 h 1187485"/>
                <a:gd name="connsiteX7" fmla="*/ 3597275 w 3597275"/>
                <a:gd name="connsiteY7" fmla="*/ 1170101 h 1187485"/>
                <a:gd name="connsiteX0" fmla="*/ 0 w 3597275"/>
                <a:gd name="connsiteY0" fmla="*/ 1144701 h 1170101"/>
                <a:gd name="connsiteX1" fmla="*/ 479425 w 3597275"/>
                <a:gd name="connsiteY1" fmla="*/ 1141526 h 1170101"/>
                <a:gd name="connsiteX2" fmla="*/ 955675 w 3597275"/>
                <a:gd name="connsiteY2" fmla="*/ 674801 h 1170101"/>
                <a:gd name="connsiteX3" fmla="*/ 1200150 w 3597275"/>
                <a:gd name="connsiteY3" fmla="*/ 100126 h 1170101"/>
                <a:gd name="connsiteX4" fmla="*/ 1466850 w 3597275"/>
                <a:gd name="connsiteY4" fmla="*/ 55676 h 1170101"/>
                <a:gd name="connsiteX5" fmla="*/ 1730375 w 3597275"/>
                <a:gd name="connsiteY5" fmla="*/ 677976 h 1170101"/>
                <a:gd name="connsiteX6" fmla="*/ 2365375 w 3597275"/>
                <a:gd name="connsiteY6" fmla="*/ 998651 h 1170101"/>
                <a:gd name="connsiteX7" fmla="*/ 3597275 w 3597275"/>
                <a:gd name="connsiteY7" fmla="*/ 1170101 h 1170101"/>
                <a:gd name="connsiteX0" fmla="*/ 0 w 3597275"/>
                <a:gd name="connsiteY0" fmla="*/ 1144701 h 1170101"/>
                <a:gd name="connsiteX1" fmla="*/ 469900 w 3597275"/>
                <a:gd name="connsiteY1" fmla="*/ 1093901 h 1170101"/>
                <a:gd name="connsiteX2" fmla="*/ 955675 w 3597275"/>
                <a:gd name="connsiteY2" fmla="*/ 674801 h 1170101"/>
                <a:gd name="connsiteX3" fmla="*/ 1200150 w 3597275"/>
                <a:gd name="connsiteY3" fmla="*/ 100126 h 1170101"/>
                <a:gd name="connsiteX4" fmla="*/ 1466850 w 3597275"/>
                <a:gd name="connsiteY4" fmla="*/ 55676 h 1170101"/>
                <a:gd name="connsiteX5" fmla="*/ 1730375 w 3597275"/>
                <a:gd name="connsiteY5" fmla="*/ 677976 h 1170101"/>
                <a:gd name="connsiteX6" fmla="*/ 2365375 w 3597275"/>
                <a:gd name="connsiteY6" fmla="*/ 998651 h 1170101"/>
                <a:gd name="connsiteX7" fmla="*/ 3597275 w 3597275"/>
                <a:gd name="connsiteY7" fmla="*/ 1170101 h 1170101"/>
                <a:gd name="connsiteX0" fmla="*/ 0 w 3597275"/>
                <a:gd name="connsiteY0" fmla="*/ 1176451 h 1191215"/>
                <a:gd name="connsiteX1" fmla="*/ 469900 w 3597275"/>
                <a:gd name="connsiteY1" fmla="*/ 1093901 h 1191215"/>
                <a:gd name="connsiteX2" fmla="*/ 955675 w 3597275"/>
                <a:gd name="connsiteY2" fmla="*/ 674801 h 1191215"/>
                <a:gd name="connsiteX3" fmla="*/ 1200150 w 3597275"/>
                <a:gd name="connsiteY3" fmla="*/ 100126 h 1191215"/>
                <a:gd name="connsiteX4" fmla="*/ 1466850 w 3597275"/>
                <a:gd name="connsiteY4" fmla="*/ 55676 h 1191215"/>
                <a:gd name="connsiteX5" fmla="*/ 1730375 w 3597275"/>
                <a:gd name="connsiteY5" fmla="*/ 677976 h 1191215"/>
                <a:gd name="connsiteX6" fmla="*/ 2365375 w 3597275"/>
                <a:gd name="connsiteY6" fmla="*/ 998651 h 1191215"/>
                <a:gd name="connsiteX7" fmla="*/ 3597275 w 3597275"/>
                <a:gd name="connsiteY7" fmla="*/ 1170101 h 1191215"/>
                <a:gd name="connsiteX0" fmla="*/ 0 w 3597275"/>
                <a:gd name="connsiteY0" fmla="*/ 1176451 h 1176451"/>
                <a:gd name="connsiteX1" fmla="*/ 469900 w 3597275"/>
                <a:gd name="connsiteY1" fmla="*/ 1093901 h 1176451"/>
                <a:gd name="connsiteX2" fmla="*/ 955675 w 3597275"/>
                <a:gd name="connsiteY2" fmla="*/ 674801 h 1176451"/>
                <a:gd name="connsiteX3" fmla="*/ 1200150 w 3597275"/>
                <a:gd name="connsiteY3" fmla="*/ 100126 h 1176451"/>
                <a:gd name="connsiteX4" fmla="*/ 1466850 w 3597275"/>
                <a:gd name="connsiteY4" fmla="*/ 55676 h 1176451"/>
                <a:gd name="connsiteX5" fmla="*/ 1730375 w 3597275"/>
                <a:gd name="connsiteY5" fmla="*/ 677976 h 1176451"/>
                <a:gd name="connsiteX6" fmla="*/ 2365375 w 3597275"/>
                <a:gd name="connsiteY6" fmla="*/ 998651 h 1176451"/>
                <a:gd name="connsiteX7" fmla="*/ 3597275 w 3597275"/>
                <a:gd name="connsiteY7" fmla="*/ 1170101 h 1176451"/>
                <a:gd name="connsiteX0" fmla="*/ 0 w 3597275"/>
                <a:gd name="connsiteY0" fmla="*/ 1176451 h 1176451"/>
                <a:gd name="connsiteX1" fmla="*/ 469900 w 3597275"/>
                <a:gd name="connsiteY1" fmla="*/ 1093901 h 1176451"/>
                <a:gd name="connsiteX2" fmla="*/ 955675 w 3597275"/>
                <a:gd name="connsiteY2" fmla="*/ 674801 h 1176451"/>
                <a:gd name="connsiteX3" fmla="*/ 1200150 w 3597275"/>
                <a:gd name="connsiteY3" fmla="*/ 100126 h 1176451"/>
                <a:gd name="connsiteX4" fmla="*/ 1466850 w 3597275"/>
                <a:gd name="connsiteY4" fmla="*/ 55676 h 1176451"/>
                <a:gd name="connsiteX5" fmla="*/ 1730375 w 3597275"/>
                <a:gd name="connsiteY5" fmla="*/ 677976 h 1176451"/>
                <a:gd name="connsiteX6" fmla="*/ 2365375 w 3597275"/>
                <a:gd name="connsiteY6" fmla="*/ 998651 h 1176451"/>
                <a:gd name="connsiteX7" fmla="*/ 3597275 w 3597275"/>
                <a:gd name="connsiteY7" fmla="*/ 1170101 h 1176451"/>
                <a:gd name="connsiteX0" fmla="*/ 0 w 3597275"/>
                <a:gd name="connsiteY0" fmla="*/ 1176451 h 1176451"/>
                <a:gd name="connsiteX1" fmla="*/ 469900 w 3597275"/>
                <a:gd name="connsiteY1" fmla="*/ 1093901 h 1176451"/>
                <a:gd name="connsiteX2" fmla="*/ 955675 w 3597275"/>
                <a:gd name="connsiteY2" fmla="*/ 674801 h 1176451"/>
                <a:gd name="connsiteX3" fmla="*/ 1200150 w 3597275"/>
                <a:gd name="connsiteY3" fmla="*/ 100126 h 1176451"/>
                <a:gd name="connsiteX4" fmla="*/ 1466850 w 3597275"/>
                <a:gd name="connsiteY4" fmla="*/ 55676 h 1176451"/>
                <a:gd name="connsiteX5" fmla="*/ 1730375 w 3597275"/>
                <a:gd name="connsiteY5" fmla="*/ 677976 h 1176451"/>
                <a:gd name="connsiteX6" fmla="*/ 2254250 w 3597275"/>
                <a:gd name="connsiteY6" fmla="*/ 1036751 h 1176451"/>
                <a:gd name="connsiteX7" fmla="*/ 3597275 w 3597275"/>
                <a:gd name="connsiteY7" fmla="*/ 1170101 h 1176451"/>
                <a:gd name="connsiteX0" fmla="*/ 0 w 3603625"/>
                <a:gd name="connsiteY0" fmla="*/ 1176451 h 1176451"/>
                <a:gd name="connsiteX1" fmla="*/ 469900 w 3603625"/>
                <a:gd name="connsiteY1" fmla="*/ 1093901 h 1176451"/>
                <a:gd name="connsiteX2" fmla="*/ 955675 w 3603625"/>
                <a:gd name="connsiteY2" fmla="*/ 674801 h 1176451"/>
                <a:gd name="connsiteX3" fmla="*/ 1200150 w 3603625"/>
                <a:gd name="connsiteY3" fmla="*/ 100126 h 1176451"/>
                <a:gd name="connsiteX4" fmla="*/ 1466850 w 3603625"/>
                <a:gd name="connsiteY4" fmla="*/ 55676 h 1176451"/>
                <a:gd name="connsiteX5" fmla="*/ 1730375 w 3603625"/>
                <a:gd name="connsiteY5" fmla="*/ 677976 h 1176451"/>
                <a:gd name="connsiteX6" fmla="*/ 2254250 w 3603625"/>
                <a:gd name="connsiteY6" fmla="*/ 1036751 h 1176451"/>
                <a:gd name="connsiteX7" fmla="*/ 3603625 w 3603625"/>
                <a:gd name="connsiteY7" fmla="*/ 1151051 h 1176451"/>
                <a:gd name="connsiteX0" fmla="*/ 0 w 3609975"/>
                <a:gd name="connsiteY0" fmla="*/ 1176451 h 1176451"/>
                <a:gd name="connsiteX1" fmla="*/ 469900 w 3609975"/>
                <a:gd name="connsiteY1" fmla="*/ 1093901 h 1176451"/>
                <a:gd name="connsiteX2" fmla="*/ 955675 w 3609975"/>
                <a:gd name="connsiteY2" fmla="*/ 674801 h 1176451"/>
                <a:gd name="connsiteX3" fmla="*/ 1200150 w 3609975"/>
                <a:gd name="connsiteY3" fmla="*/ 100126 h 1176451"/>
                <a:gd name="connsiteX4" fmla="*/ 1466850 w 3609975"/>
                <a:gd name="connsiteY4" fmla="*/ 55676 h 1176451"/>
                <a:gd name="connsiteX5" fmla="*/ 1730375 w 3609975"/>
                <a:gd name="connsiteY5" fmla="*/ 677976 h 1176451"/>
                <a:gd name="connsiteX6" fmla="*/ 2254250 w 3609975"/>
                <a:gd name="connsiteY6" fmla="*/ 1036751 h 1176451"/>
                <a:gd name="connsiteX7" fmla="*/ 3609975 w 3609975"/>
                <a:gd name="connsiteY7" fmla="*/ 1176451 h 1176451"/>
                <a:gd name="connsiteX0" fmla="*/ 0 w 3609975"/>
                <a:gd name="connsiteY0" fmla="*/ 1179504 h 1179504"/>
                <a:gd name="connsiteX1" fmla="*/ 469900 w 3609975"/>
                <a:gd name="connsiteY1" fmla="*/ 1096954 h 1179504"/>
                <a:gd name="connsiteX2" fmla="*/ 1034257 w 3609975"/>
                <a:gd name="connsiteY2" fmla="*/ 739766 h 1179504"/>
                <a:gd name="connsiteX3" fmla="*/ 1200150 w 3609975"/>
                <a:gd name="connsiteY3" fmla="*/ 103179 h 1179504"/>
                <a:gd name="connsiteX4" fmla="*/ 1466850 w 3609975"/>
                <a:gd name="connsiteY4" fmla="*/ 58729 h 1179504"/>
                <a:gd name="connsiteX5" fmla="*/ 1730375 w 3609975"/>
                <a:gd name="connsiteY5" fmla="*/ 681029 h 1179504"/>
                <a:gd name="connsiteX6" fmla="*/ 2254250 w 3609975"/>
                <a:gd name="connsiteY6" fmla="*/ 1039804 h 1179504"/>
                <a:gd name="connsiteX7" fmla="*/ 3609975 w 3609975"/>
                <a:gd name="connsiteY7" fmla="*/ 1179504 h 1179504"/>
                <a:gd name="connsiteX0" fmla="*/ 0 w 3609975"/>
                <a:gd name="connsiteY0" fmla="*/ 1184932 h 1184932"/>
                <a:gd name="connsiteX1" fmla="*/ 469900 w 3609975"/>
                <a:gd name="connsiteY1" fmla="*/ 1102382 h 1184932"/>
                <a:gd name="connsiteX2" fmla="*/ 1034257 w 3609975"/>
                <a:gd name="connsiteY2" fmla="*/ 745194 h 1184932"/>
                <a:gd name="connsiteX3" fmla="*/ 1200150 w 3609975"/>
                <a:gd name="connsiteY3" fmla="*/ 108607 h 1184932"/>
                <a:gd name="connsiteX4" fmla="*/ 1466850 w 3609975"/>
                <a:gd name="connsiteY4" fmla="*/ 64157 h 1184932"/>
                <a:gd name="connsiteX5" fmla="*/ 1632744 w 3609975"/>
                <a:gd name="connsiteY5" fmla="*/ 762657 h 1184932"/>
                <a:gd name="connsiteX6" fmla="*/ 2254250 w 3609975"/>
                <a:gd name="connsiteY6" fmla="*/ 1045232 h 1184932"/>
                <a:gd name="connsiteX7" fmla="*/ 3609975 w 3609975"/>
                <a:gd name="connsiteY7" fmla="*/ 1184932 h 1184932"/>
                <a:gd name="connsiteX0" fmla="*/ 0 w 3609975"/>
                <a:gd name="connsiteY0" fmla="*/ 1185614 h 1185614"/>
                <a:gd name="connsiteX1" fmla="*/ 469900 w 3609975"/>
                <a:gd name="connsiteY1" fmla="*/ 1103064 h 1185614"/>
                <a:gd name="connsiteX2" fmla="*/ 1034257 w 3609975"/>
                <a:gd name="connsiteY2" fmla="*/ 745876 h 1185614"/>
                <a:gd name="connsiteX3" fmla="*/ 1200150 w 3609975"/>
                <a:gd name="connsiteY3" fmla="*/ 109289 h 1185614"/>
                <a:gd name="connsiteX4" fmla="*/ 1466850 w 3609975"/>
                <a:gd name="connsiteY4" fmla="*/ 64839 h 1185614"/>
                <a:gd name="connsiteX5" fmla="*/ 1635126 w 3609975"/>
                <a:gd name="connsiteY5" fmla="*/ 772864 h 1185614"/>
                <a:gd name="connsiteX6" fmla="*/ 2254250 w 3609975"/>
                <a:gd name="connsiteY6" fmla="*/ 1045914 h 1185614"/>
                <a:gd name="connsiteX7" fmla="*/ 3609975 w 3609975"/>
                <a:gd name="connsiteY7" fmla="*/ 1185614 h 1185614"/>
                <a:gd name="connsiteX0" fmla="*/ 0 w 3609975"/>
                <a:gd name="connsiteY0" fmla="*/ 1164101 h 1164101"/>
                <a:gd name="connsiteX1" fmla="*/ 469900 w 3609975"/>
                <a:gd name="connsiteY1" fmla="*/ 1081551 h 1164101"/>
                <a:gd name="connsiteX2" fmla="*/ 1034257 w 3609975"/>
                <a:gd name="connsiteY2" fmla="*/ 724363 h 1164101"/>
                <a:gd name="connsiteX3" fmla="*/ 1200150 w 3609975"/>
                <a:gd name="connsiteY3" fmla="*/ 87776 h 1164101"/>
                <a:gd name="connsiteX4" fmla="*/ 1452562 w 3609975"/>
                <a:gd name="connsiteY4" fmla="*/ 76664 h 1164101"/>
                <a:gd name="connsiteX5" fmla="*/ 1635126 w 3609975"/>
                <a:gd name="connsiteY5" fmla="*/ 751351 h 1164101"/>
                <a:gd name="connsiteX6" fmla="*/ 2254250 w 3609975"/>
                <a:gd name="connsiteY6" fmla="*/ 1024401 h 1164101"/>
                <a:gd name="connsiteX7" fmla="*/ 3609975 w 3609975"/>
                <a:gd name="connsiteY7" fmla="*/ 1164101 h 1164101"/>
                <a:gd name="connsiteX0" fmla="*/ 0 w 3609975"/>
                <a:gd name="connsiteY0" fmla="*/ 1166995 h 1166995"/>
                <a:gd name="connsiteX1" fmla="*/ 469900 w 3609975"/>
                <a:gd name="connsiteY1" fmla="*/ 1084445 h 1166995"/>
                <a:gd name="connsiteX2" fmla="*/ 1034257 w 3609975"/>
                <a:gd name="connsiteY2" fmla="*/ 727257 h 1166995"/>
                <a:gd name="connsiteX3" fmla="*/ 1200150 w 3609975"/>
                <a:gd name="connsiteY3" fmla="*/ 90670 h 1166995"/>
                <a:gd name="connsiteX4" fmla="*/ 1452562 w 3609975"/>
                <a:gd name="connsiteY4" fmla="*/ 74795 h 1166995"/>
                <a:gd name="connsiteX5" fmla="*/ 1635126 w 3609975"/>
                <a:gd name="connsiteY5" fmla="*/ 754245 h 1166995"/>
                <a:gd name="connsiteX6" fmla="*/ 2254250 w 3609975"/>
                <a:gd name="connsiteY6" fmla="*/ 1027295 h 1166995"/>
                <a:gd name="connsiteX7" fmla="*/ 3609975 w 3609975"/>
                <a:gd name="connsiteY7" fmla="*/ 1166995 h 1166995"/>
                <a:gd name="connsiteX0" fmla="*/ 0 w 3609975"/>
                <a:gd name="connsiteY0" fmla="*/ 1166678 h 1166678"/>
                <a:gd name="connsiteX1" fmla="*/ 469900 w 3609975"/>
                <a:gd name="connsiteY1" fmla="*/ 1084128 h 1166678"/>
                <a:gd name="connsiteX2" fmla="*/ 1034257 w 3609975"/>
                <a:gd name="connsiteY2" fmla="*/ 726940 h 1166678"/>
                <a:gd name="connsiteX3" fmla="*/ 1200150 w 3609975"/>
                <a:gd name="connsiteY3" fmla="*/ 90353 h 1166678"/>
                <a:gd name="connsiteX4" fmla="*/ 1452562 w 3609975"/>
                <a:gd name="connsiteY4" fmla="*/ 74478 h 1166678"/>
                <a:gd name="connsiteX5" fmla="*/ 1749426 w 3609975"/>
                <a:gd name="connsiteY5" fmla="*/ 749166 h 1166678"/>
                <a:gd name="connsiteX6" fmla="*/ 2254250 w 3609975"/>
                <a:gd name="connsiteY6" fmla="*/ 1026978 h 1166678"/>
                <a:gd name="connsiteX7" fmla="*/ 3609975 w 3609975"/>
                <a:gd name="connsiteY7" fmla="*/ 1166678 h 1166678"/>
                <a:gd name="connsiteX0" fmla="*/ 0 w 3609975"/>
                <a:gd name="connsiteY0" fmla="*/ 1167409 h 1167409"/>
                <a:gd name="connsiteX1" fmla="*/ 469900 w 3609975"/>
                <a:gd name="connsiteY1" fmla="*/ 1084859 h 1167409"/>
                <a:gd name="connsiteX2" fmla="*/ 996157 w 3609975"/>
                <a:gd name="connsiteY2" fmla="*/ 740371 h 1167409"/>
                <a:gd name="connsiteX3" fmla="*/ 1200150 w 3609975"/>
                <a:gd name="connsiteY3" fmla="*/ 91084 h 1167409"/>
                <a:gd name="connsiteX4" fmla="*/ 1452562 w 3609975"/>
                <a:gd name="connsiteY4" fmla="*/ 75209 h 1167409"/>
                <a:gd name="connsiteX5" fmla="*/ 1749426 w 3609975"/>
                <a:gd name="connsiteY5" fmla="*/ 749897 h 1167409"/>
                <a:gd name="connsiteX6" fmla="*/ 2254250 w 3609975"/>
                <a:gd name="connsiteY6" fmla="*/ 1027709 h 1167409"/>
                <a:gd name="connsiteX7" fmla="*/ 3609975 w 3609975"/>
                <a:gd name="connsiteY7" fmla="*/ 1167409 h 1167409"/>
                <a:gd name="connsiteX0" fmla="*/ 0 w 3609975"/>
                <a:gd name="connsiteY0" fmla="*/ 1175941 h 1175941"/>
                <a:gd name="connsiteX1" fmla="*/ 469900 w 3609975"/>
                <a:gd name="connsiteY1" fmla="*/ 1093391 h 1175941"/>
                <a:gd name="connsiteX2" fmla="*/ 996157 w 3609975"/>
                <a:gd name="connsiteY2" fmla="*/ 748903 h 1175941"/>
                <a:gd name="connsiteX3" fmla="*/ 1225550 w 3609975"/>
                <a:gd name="connsiteY3" fmla="*/ 83741 h 1175941"/>
                <a:gd name="connsiteX4" fmla="*/ 1452562 w 3609975"/>
                <a:gd name="connsiteY4" fmla="*/ 83741 h 1175941"/>
                <a:gd name="connsiteX5" fmla="*/ 1749426 w 3609975"/>
                <a:gd name="connsiteY5" fmla="*/ 758429 h 1175941"/>
                <a:gd name="connsiteX6" fmla="*/ 2254250 w 3609975"/>
                <a:gd name="connsiteY6" fmla="*/ 1036241 h 1175941"/>
                <a:gd name="connsiteX7" fmla="*/ 3609975 w 3609975"/>
                <a:gd name="connsiteY7" fmla="*/ 1175941 h 1175941"/>
                <a:gd name="connsiteX0" fmla="*/ 0 w 3609975"/>
                <a:gd name="connsiteY0" fmla="*/ 1175941 h 1175941"/>
                <a:gd name="connsiteX1" fmla="*/ 469900 w 3609975"/>
                <a:gd name="connsiteY1" fmla="*/ 1093391 h 1175941"/>
                <a:gd name="connsiteX2" fmla="*/ 996157 w 3609975"/>
                <a:gd name="connsiteY2" fmla="*/ 748903 h 1175941"/>
                <a:gd name="connsiteX3" fmla="*/ 1225550 w 3609975"/>
                <a:gd name="connsiteY3" fmla="*/ 83741 h 1175941"/>
                <a:gd name="connsiteX4" fmla="*/ 1452562 w 3609975"/>
                <a:gd name="connsiteY4" fmla="*/ 83741 h 1175941"/>
                <a:gd name="connsiteX5" fmla="*/ 1749426 w 3609975"/>
                <a:gd name="connsiteY5" fmla="*/ 758429 h 1175941"/>
                <a:gd name="connsiteX6" fmla="*/ 1860506 w 3609975"/>
                <a:gd name="connsiteY6" fmla="*/ 877543 h 1175941"/>
                <a:gd name="connsiteX7" fmla="*/ 2254250 w 3609975"/>
                <a:gd name="connsiteY7" fmla="*/ 1036241 h 1175941"/>
                <a:gd name="connsiteX8" fmla="*/ 3609975 w 3609975"/>
                <a:gd name="connsiteY8" fmla="*/ 1175941 h 1175941"/>
                <a:gd name="connsiteX0" fmla="*/ 0 w 3609975"/>
                <a:gd name="connsiteY0" fmla="*/ 1175941 h 1175941"/>
                <a:gd name="connsiteX1" fmla="*/ 469900 w 3609975"/>
                <a:gd name="connsiteY1" fmla="*/ 1093391 h 1175941"/>
                <a:gd name="connsiteX2" fmla="*/ 996157 w 3609975"/>
                <a:gd name="connsiteY2" fmla="*/ 748903 h 1175941"/>
                <a:gd name="connsiteX3" fmla="*/ 1225550 w 3609975"/>
                <a:gd name="connsiteY3" fmla="*/ 83741 h 1175941"/>
                <a:gd name="connsiteX4" fmla="*/ 1452562 w 3609975"/>
                <a:gd name="connsiteY4" fmla="*/ 83741 h 1175941"/>
                <a:gd name="connsiteX5" fmla="*/ 1749426 w 3609975"/>
                <a:gd name="connsiteY5" fmla="*/ 758429 h 1175941"/>
                <a:gd name="connsiteX6" fmla="*/ 2028781 w 3609975"/>
                <a:gd name="connsiteY6" fmla="*/ 760068 h 1175941"/>
                <a:gd name="connsiteX7" fmla="*/ 2254250 w 3609975"/>
                <a:gd name="connsiteY7" fmla="*/ 1036241 h 1175941"/>
                <a:gd name="connsiteX8" fmla="*/ 3609975 w 3609975"/>
                <a:gd name="connsiteY8" fmla="*/ 1175941 h 1175941"/>
                <a:gd name="connsiteX0" fmla="*/ 0 w 3609975"/>
                <a:gd name="connsiteY0" fmla="*/ 1175941 h 1175941"/>
                <a:gd name="connsiteX1" fmla="*/ 469900 w 3609975"/>
                <a:gd name="connsiteY1" fmla="*/ 1093391 h 1175941"/>
                <a:gd name="connsiteX2" fmla="*/ 996157 w 3609975"/>
                <a:gd name="connsiteY2" fmla="*/ 748903 h 1175941"/>
                <a:gd name="connsiteX3" fmla="*/ 1225550 w 3609975"/>
                <a:gd name="connsiteY3" fmla="*/ 83741 h 1175941"/>
                <a:gd name="connsiteX4" fmla="*/ 1452562 w 3609975"/>
                <a:gd name="connsiteY4" fmla="*/ 83741 h 1175941"/>
                <a:gd name="connsiteX5" fmla="*/ 1749426 w 3609975"/>
                <a:gd name="connsiteY5" fmla="*/ 758429 h 1175941"/>
                <a:gd name="connsiteX6" fmla="*/ 2028781 w 3609975"/>
                <a:gd name="connsiteY6" fmla="*/ 760068 h 1175941"/>
                <a:gd name="connsiteX7" fmla="*/ 2254250 w 3609975"/>
                <a:gd name="connsiteY7" fmla="*/ 1036241 h 1175941"/>
                <a:gd name="connsiteX8" fmla="*/ 3609975 w 3609975"/>
                <a:gd name="connsiteY8" fmla="*/ 1175941 h 1175941"/>
                <a:gd name="connsiteX0" fmla="*/ 0 w 3609975"/>
                <a:gd name="connsiteY0" fmla="*/ 1184697 h 1184697"/>
                <a:gd name="connsiteX1" fmla="*/ 469900 w 3609975"/>
                <a:gd name="connsiteY1" fmla="*/ 1102147 h 1184697"/>
                <a:gd name="connsiteX2" fmla="*/ 996157 w 3609975"/>
                <a:gd name="connsiteY2" fmla="*/ 757659 h 1184697"/>
                <a:gd name="connsiteX3" fmla="*/ 1225550 w 3609975"/>
                <a:gd name="connsiteY3" fmla="*/ 92497 h 1184697"/>
                <a:gd name="connsiteX4" fmla="*/ 1452562 w 3609975"/>
                <a:gd name="connsiteY4" fmla="*/ 92497 h 1184697"/>
                <a:gd name="connsiteX5" fmla="*/ 1752601 w 3609975"/>
                <a:gd name="connsiteY5" fmla="*/ 903710 h 1184697"/>
                <a:gd name="connsiteX6" fmla="*/ 2028781 w 3609975"/>
                <a:gd name="connsiteY6" fmla="*/ 768824 h 1184697"/>
                <a:gd name="connsiteX7" fmla="*/ 2254250 w 3609975"/>
                <a:gd name="connsiteY7" fmla="*/ 1044997 h 1184697"/>
                <a:gd name="connsiteX8" fmla="*/ 3609975 w 3609975"/>
                <a:gd name="connsiteY8" fmla="*/ 1184697 h 1184697"/>
                <a:gd name="connsiteX0" fmla="*/ 0 w 3609975"/>
                <a:gd name="connsiteY0" fmla="*/ 1184697 h 1184697"/>
                <a:gd name="connsiteX1" fmla="*/ 469900 w 3609975"/>
                <a:gd name="connsiteY1" fmla="*/ 1102147 h 1184697"/>
                <a:gd name="connsiteX2" fmla="*/ 996157 w 3609975"/>
                <a:gd name="connsiteY2" fmla="*/ 757659 h 1184697"/>
                <a:gd name="connsiteX3" fmla="*/ 1225550 w 3609975"/>
                <a:gd name="connsiteY3" fmla="*/ 92497 h 1184697"/>
                <a:gd name="connsiteX4" fmla="*/ 1452562 w 3609975"/>
                <a:gd name="connsiteY4" fmla="*/ 92497 h 1184697"/>
                <a:gd name="connsiteX5" fmla="*/ 1752601 w 3609975"/>
                <a:gd name="connsiteY5" fmla="*/ 903710 h 1184697"/>
                <a:gd name="connsiteX6" fmla="*/ 2028781 w 3609975"/>
                <a:gd name="connsiteY6" fmla="*/ 768824 h 1184697"/>
                <a:gd name="connsiteX7" fmla="*/ 2254250 w 3609975"/>
                <a:gd name="connsiteY7" fmla="*/ 1044997 h 1184697"/>
                <a:gd name="connsiteX8" fmla="*/ 3609975 w 3609975"/>
                <a:gd name="connsiteY8" fmla="*/ 1184697 h 1184697"/>
                <a:gd name="connsiteX0" fmla="*/ 0 w 3609975"/>
                <a:gd name="connsiteY0" fmla="*/ 1184697 h 1184697"/>
                <a:gd name="connsiteX1" fmla="*/ 469900 w 3609975"/>
                <a:gd name="connsiteY1" fmla="*/ 1102147 h 1184697"/>
                <a:gd name="connsiteX2" fmla="*/ 996157 w 3609975"/>
                <a:gd name="connsiteY2" fmla="*/ 757659 h 1184697"/>
                <a:gd name="connsiteX3" fmla="*/ 1225550 w 3609975"/>
                <a:gd name="connsiteY3" fmla="*/ 92497 h 1184697"/>
                <a:gd name="connsiteX4" fmla="*/ 1452562 w 3609975"/>
                <a:gd name="connsiteY4" fmla="*/ 92497 h 1184697"/>
                <a:gd name="connsiteX5" fmla="*/ 1752601 w 3609975"/>
                <a:gd name="connsiteY5" fmla="*/ 903710 h 1184697"/>
                <a:gd name="connsiteX6" fmla="*/ 2028781 w 3609975"/>
                <a:gd name="connsiteY6" fmla="*/ 768824 h 1184697"/>
                <a:gd name="connsiteX7" fmla="*/ 2254250 w 3609975"/>
                <a:gd name="connsiteY7" fmla="*/ 1044997 h 1184697"/>
                <a:gd name="connsiteX8" fmla="*/ 3609975 w 3609975"/>
                <a:gd name="connsiteY8" fmla="*/ 1184697 h 1184697"/>
                <a:gd name="connsiteX0" fmla="*/ 0 w 3609975"/>
                <a:gd name="connsiteY0" fmla="*/ 1184697 h 1184697"/>
                <a:gd name="connsiteX1" fmla="*/ 469900 w 3609975"/>
                <a:gd name="connsiteY1" fmla="*/ 1102147 h 1184697"/>
                <a:gd name="connsiteX2" fmla="*/ 996157 w 3609975"/>
                <a:gd name="connsiteY2" fmla="*/ 757659 h 1184697"/>
                <a:gd name="connsiteX3" fmla="*/ 1225550 w 3609975"/>
                <a:gd name="connsiteY3" fmla="*/ 92497 h 1184697"/>
                <a:gd name="connsiteX4" fmla="*/ 1452562 w 3609975"/>
                <a:gd name="connsiteY4" fmla="*/ 92497 h 1184697"/>
                <a:gd name="connsiteX5" fmla="*/ 1752601 w 3609975"/>
                <a:gd name="connsiteY5" fmla="*/ 903710 h 1184697"/>
                <a:gd name="connsiteX6" fmla="*/ 2028781 w 3609975"/>
                <a:gd name="connsiteY6" fmla="*/ 768824 h 1184697"/>
                <a:gd name="connsiteX7" fmla="*/ 2409825 w 3609975"/>
                <a:gd name="connsiteY7" fmla="*/ 1064047 h 1184697"/>
                <a:gd name="connsiteX8" fmla="*/ 3609975 w 3609975"/>
                <a:gd name="connsiteY8" fmla="*/ 1184697 h 1184697"/>
                <a:gd name="connsiteX0" fmla="*/ 0 w 3609975"/>
                <a:gd name="connsiteY0" fmla="*/ 1184697 h 1184697"/>
                <a:gd name="connsiteX1" fmla="*/ 298450 w 3609975"/>
                <a:gd name="connsiteY1" fmla="*/ 1105322 h 1184697"/>
                <a:gd name="connsiteX2" fmla="*/ 996157 w 3609975"/>
                <a:gd name="connsiteY2" fmla="*/ 757659 h 1184697"/>
                <a:gd name="connsiteX3" fmla="*/ 1225550 w 3609975"/>
                <a:gd name="connsiteY3" fmla="*/ 92497 h 1184697"/>
                <a:gd name="connsiteX4" fmla="*/ 1452562 w 3609975"/>
                <a:gd name="connsiteY4" fmla="*/ 92497 h 1184697"/>
                <a:gd name="connsiteX5" fmla="*/ 1752601 w 3609975"/>
                <a:gd name="connsiteY5" fmla="*/ 903710 h 1184697"/>
                <a:gd name="connsiteX6" fmla="*/ 2028781 w 3609975"/>
                <a:gd name="connsiteY6" fmla="*/ 768824 h 1184697"/>
                <a:gd name="connsiteX7" fmla="*/ 2409825 w 3609975"/>
                <a:gd name="connsiteY7" fmla="*/ 1064047 h 1184697"/>
                <a:gd name="connsiteX8" fmla="*/ 3609975 w 3609975"/>
                <a:gd name="connsiteY8" fmla="*/ 1184697 h 1184697"/>
                <a:gd name="connsiteX0" fmla="*/ 0 w 3609975"/>
                <a:gd name="connsiteY0" fmla="*/ 1188318 h 1188318"/>
                <a:gd name="connsiteX1" fmla="*/ 298450 w 3609975"/>
                <a:gd name="connsiteY1" fmla="*/ 1108943 h 1188318"/>
                <a:gd name="connsiteX2" fmla="*/ 767557 w 3609975"/>
                <a:gd name="connsiteY2" fmla="*/ 821605 h 1188318"/>
                <a:gd name="connsiteX3" fmla="*/ 1225550 w 3609975"/>
                <a:gd name="connsiteY3" fmla="*/ 96118 h 1188318"/>
                <a:gd name="connsiteX4" fmla="*/ 1452562 w 3609975"/>
                <a:gd name="connsiteY4" fmla="*/ 96118 h 1188318"/>
                <a:gd name="connsiteX5" fmla="*/ 1752601 w 3609975"/>
                <a:gd name="connsiteY5" fmla="*/ 907331 h 1188318"/>
                <a:gd name="connsiteX6" fmla="*/ 2028781 w 3609975"/>
                <a:gd name="connsiteY6" fmla="*/ 772445 h 1188318"/>
                <a:gd name="connsiteX7" fmla="*/ 2409825 w 3609975"/>
                <a:gd name="connsiteY7" fmla="*/ 1067668 h 1188318"/>
                <a:gd name="connsiteX8" fmla="*/ 3609975 w 3609975"/>
                <a:gd name="connsiteY8" fmla="*/ 1188318 h 1188318"/>
                <a:gd name="connsiteX0" fmla="*/ 0 w 3609975"/>
                <a:gd name="connsiteY0" fmla="*/ 1100694 h 1100694"/>
                <a:gd name="connsiteX1" fmla="*/ 298450 w 3609975"/>
                <a:gd name="connsiteY1" fmla="*/ 1021319 h 1100694"/>
                <a:gd name="connsiteX2" fmla="*/ 767557 w 3609975"/>
                <a:gd name="connsiteY2" fmla="*/ 733981 h 1100694"/>
                <a:gd name="connsiteX3" fmla="*/ 1238250 w 3609975"/>
                <a:gd name="connsiteY3" fmla="*/ 414894 h 1100694"/>
                <a:gd name="connsiteX4" fmla="*/ 1452562 w 3609975"/>
                <a:gd name="connsiteY4" fmla="*/ 8494 h 1100694"/>
                <a:gd name="connsiteX5" fmla="*/ 1752601 w 3609975"/>
                <a:gd name="connsiteY5" fmla="*/ 819707 h 1100694"/>
                <a:gd name="connsiteX6" fmla="*/ 2028781 w 3609975"/>
                <a:gd name="connsiteY6" fmla="*/ 684821 h 1100694"/>
                <a:gd name="connsiteX7" fmla="*/ 2409825 w 3609975"/>
                <a:gd name="connsiteY7" fmla="*/ 980044 h 1100694"/>
                <a:gd name="connsiteX8" fmla="*/ 3609975 w 3609975"/>
                <a:gd name="connsiteY8" fmla="*/ 1100694 h 1100694"/>
                <a:gd name="connsiteX0" fmla="*/ 0 w 3609975"/>
                <a:gd name="connsiteY0" fmla="*/ 750263 h 750263"/>
                <a:gd name="connsiteX1" fmla="*/ 298450 w 3609975"/>
                <a:gd name="connsiteY1" fmla="*/ 670888 h 750263"/>
                <a:gd name="connsiteX2" fmla="*/ 767557 w 3609975"/>
                <a:gd name="connsiteY2" fmla="*/ 383550 h 750263"/>
                <a:gd name="connsiteX3" fmla="*/ 1238250 w 3609975"/>
                <a:gd name="connsiteY3" fmla="*/ 64463 h 750263"/>
                <a:gd name="connsiteX4" fmla="*/ 1604962 w 3609975"/>
                <a:gd name="connsiteY4" fmla="*/ 35888 h 750263"/>
                <a:gd name="connsiteX5" fmla="*/ 1752601 w 3609975"/>
                <a:gd name="connsiteY5" fmla="*/ 469276 h 750263"/>
                <a:gd name="connsiteX6" fmla="*/ 2028781 w 3609975"/>
                <a:gd name="connsiteY6" fmla="*/ 334390 h 750263"/>
                <a:gd name="connsiteX7" fmla="*/ 2409825 w 3609975"/>
                <a:gd name="connsiteY7" fmla="*/ 629613 h 750263"/>
                <a:gd name="connsiteX8" fmla="*/ 3609975 w 3609975"/>
                <a:gd name="connsiteY8" fmla="*/ 750263 h 750263"/>
                <a:gd name="connsiteX0" fmla="*/ 0 w 3609975"/>
                <a:gd name="connsiteY0" fmla="*/ 750263 h 750263"/>
                <a:gd name="connsiteX1" fmla="*/ 206375 w 3609975"/>
                <a:gd name="connsiteY1" fmla="*/ 677238 h 750263"/>
                <a:gd name="connsiteX2" fmla="*/ 767557 w 3609975"/>
                <a:gd name="connsiteY2" fmla="*/ 383550 h 750263"/>
                <a:gd name="connsiteX3" fmla="*/ 1238250 w 3609975"/>
                <a:gd name="connsiteY3" fmla="*/ 64463 h 750263"/>
                <a:gd name="connsiteX4" fmla="*/ 1604962 w 3609975"/>
                <a:gd name="connsiteY4" fmla="*/ 35888 h 750263"/>
                <a:gd name="connsiteX5" fmla="*/ 1752601 w 3609975"/>
                <a:gd name="connsiteY5" fmla="*/ 469276 h 750263"/>
                <a:gd name="connsiteX6" fmla="*/ 2028781 w 3609975"/>
                <a:gd name="connsiteY6" fmla="*/ 334390 h 750263"/>
                <a:gd name="connsiteX7" fmla="*/ 2409825 w 3609975"/>
                <a:gd name="connsiteY7" fmla="*/ 629613 h 750263"/>
                <a:gd name="connsiteX8" fmla="*/ 3609975 w 3609975"/>
                <a:gd name="connsiteY8" fmla="*/ 750263 h 750263"/>
                <a:gd name="connsiteX0" fmla="*/ 0 w 3609975"/>
                <a:gd name="connsiteY0" fmla="*/ 739180 h 739180"/>
                <a:gd name="connsiteX1" fmla="*/ 206375 w 3609975"/>
                <a:gd name="connsiteY1" fmla="*/ 666155 h 739180"/>
                <a:gd name="connsiteX2" fmla="*/ 767557 w 3609975"/>
                <a:gd name="connsiteY2" fmla="*/ 372467 h 739180"/>
                <a:gd name="connsiteX3" fmla="*/ 1238250 w 3609975"/>
                <a:gd name="connsiteY3" fmla="*/ 53380 h 739180"/>
                <a:gd name="connsiteX4" fmla="*/ 1604962 w 3609975"/>
                <a:gd name="connsiteY4" fmla="*/ 24805 h 739180"/>
                <a:gd name="connsiteX5" fmla="*/ 1758951 w 3609975"/>
                <a:gd name="connsiteY5" fmla="*/ 305793 h 739180"/>
                <a:gd name="connsiteX6" fmla="*/ 2028781 w 3609975"/>
                <a:gd name="connsiteY6" fmla="*/ 323307 h 739180"/>
                <a:gd name="connsiteX7" fmla="*/ 2409825 w 3609975"/>
                <a:gd name="connsiteY7" fmla="*/ 618530 h 739180"/>
                <a:gd name="connsiteX8" fmla="*/ 3609975 w 3609975"/>
                <a:gd name="connsiteY8" fmla="*/ 739180 h 739180"/>
                <a:gd name="connsiteX0" fmla="*/ 0 w 3609975"/>
                <a:gd name="connsiteY0" fmla="*/ 739180 h 739180"/>
                <a:gd name="connsiteX1" fmla="*/ 206375 w 3609975"/>
                <a:gd name="connsiteY1" fmla="*/ 666155 h 739180"/>
                <a:gd name="connsiteX2" fmla="*/ 767557 w 3609975"/>
                <a:gd name="connsiteY2" fmla="*/ 372467 h 739180"/>
                <a:gd name="connsiteX3" fmla="*/ 1238250 w 3609975"/>
                <a:gd name="connsiteY3" fmla="*/ 53380 h 739180"/>
                <a:gd name="connsiteX4" fmla="*/ 1604962 w 3609975"/>
                <a:gd name="connsiteY4" fmla="*/ 24805 h 739180"/>
                <a:gd name="connsiteX5" fmla="*/ 1758951 w 3609975"/>
                <a:gd name="connsiteY5" fmla="*/ 305793 h 739180"/>
                <a:gd name="connsiteX6" fmla="*/ 2085931 w 3609975"/>
                <a:gd name="connsiteY6" fmla="*/ 370932 h 739180"/>
                <a:gd name="connsiteX7" fmla="*/ 2409825 w 3609975"/>
                <a:gd name="connsiteY7" fmla="*/ 618530 h 739180"/>
                <a:gd name="connsiteX8" fmla="*/ 3609975 w 3609975"/>
                <a:gd name="connsiteY8" fmla="*/ 739180 h 739180"/>
                <a:gd name="connsiteX0" fmla="*/ 0 w 3609975"/>
                <a:gd name="connsiteY0" fmla="*/ 742625 h 742625"/>
                <a:gd name="connsiteX1" fmla="*/ 206375 w 3609975"/>
                <a:gd name="connsiteY1" fmla="*/ 669600 h 742625"/>
                <a:gd name="connsiteX2" fmla="*/ 767557 w 3609975"/>
                <a:gd name="connsiteY2" fmla="*/ 375912 h 742625"/>
                <a:gd name="connsiteX3" fmla="*/ 1238250 w 3609975"/>
                <a:gd name="connsiteY3" fmla="*/ 56825 h 742625"/>
                <a:gd name="connsiteX4" fmla="*/ 1604962 w 3609975"/>
                <a:gd name="connsiteY4" fmla="*/ 28250 h 742625"/>
                <a:gd name="connsiteX5" fmla="*/ 1809751 w 3609975"/>
                <a:gd name="connsiteY5" fmla="*/ 356863 h 742625"/>
                <a:gd name="connsiteX6" fmla="*/ 2085931 w 3609975"/>
                <a:gd name="connsiteY6" fmla="*/ 374377 h 742625"/>
                <a:gd name="connsiteX7" fmla="*/ 2409825 w 3609975"/>
                <a:gd name="connsiteY7" fmla="*/ 621975 h 742625"/>
                <a:gd name="connsiteX8" fmla="*/ 3609975 w 3609975"/>
                <a:gd name="connsiteY8" fmla="*/ 742625 h 742625"/>
                <a:gd name="connsiteX0" fmla="*/ 0 w 3609975"/>
                <a:gd name="connsiteY0" fmla="*/ 706826 h 706826"/>
                <a:gd name="connsiteX1" fmla="*/ 206375 w 3609975"/>
                <a:gd name="connsiteY1" fmla="*/ 633801 h 706826"/>
                <a:gd name="connsiteX2" fmla="*/ 767557 w 3609975"/>
                <a:gd name="connsiteY2" fmla="*/ 340113 h 706826"/>
                <a:gd name="connsiteX3" fmla="*/ 1238250 w 3609975"/>
                <a:gd name="connsiteY3" fmla="*/ 21026 h 706826"/>
                <a:gd name="connsiteX4" fmla="*/ 1579562 w 3609975"/>
                <a:gd name="connsiteY4" fmla="*/ 62301 h 706826"/>
                <a:gd name="connsiteX5" fmla="*/ 1809751 w 3609975"/>
                <a:gd name="connsiteY5" fmla="*/ 321064 h 706826"/>
                <a:gd name="connsiteX6" fmla="*/ 2085931 w 3609975"/>
                <a:gd name="connsiteY6" fmla="*/ 338578 h 706826"/>
                <a:gd name="connsiteX7" fmla="*/ 2409825 w 3609975"/>
                <a:gd name="connsiteY7" fmla="*/ 586176 h 706826"/>
                <a:gd name="connsiteX8" fmla="*/ 3609975 w 3609975"/>
                <a:gd name="connsiteY8" fmla="*/ 706826 h 706826"/>
                <a:gd name="connsiteX0" fmla="*/ 0 w 3609975"/>
                <a:gd name="connsiteY0" fmla="*/ 706826 h 706826"/>
                <a:gd name="connsiteX1" fmla="*/ 206375 w 3609975"/>
                <a:gd name="connsiteY1" fmla="*/ 633801 h 706826"/>
                <a:gd name="connsiteX2" fmla="*/ 767557 w 3609975"/>
                <a:gd name="connsiteY2" fmla="*/ 340113 h 706826"/>
                <a:gd name="connsiteX3" fmla="*/ 1238250 w 3609975"/>
                <a:gd name="connsiteY3" fmla="*/ 21026 h 706826"/>
                <a:gd name="connsiteX4" fmla="*/ 1579562 w 3609975"/>
                <a:gd name="connsiteY4" fmla="*/ 62301 h 706826"/>
                <a:gd name="connsiteX5" fmla="*/ 1809751 w 3609975"/>
                <a:gd name="connsiteY5" fmla="*/ 321064 h 706826"/>
                <a:gd name="connsiteX6" fmla="*/ 2085931 w 3609975"/>
                <a:gd name="connsiteY6" fmla="*/ 338578 h 706826"/>
                <a:gd name="connsiteX7" fmla="*/ 2492375 w 3609975"/>
                <a:gd name="connsiteY7" fmla="*/ 487751 h 706826"/>
                <a:gd name="connsiteX8" fmla="*/ 3609975 w 3609975"/>
                <a:gd name="connsiteY8" fmla="*/ 706826 h 706826"/>
                <a:gd name="connsiteX0" fmla="*/ 0 w 3609975"/>
                <a:gd name="connsiteY0" fmla="*/ 704674 h 704674"/>
                <a:gd name="connsiteX1" fmla="*/ 206375 w 3609975"/>
                <a:gd name="connsiteY1" fmla="*/ 631649 h 704674"/>
                <a:gd name="connsiteX2" fmla="*/ 767557 w 3609975"/>
                <a:gd name="connsiteY2" fmla="*/ 337961 h 704674"/>
                <a:gd name="connsiteX3" fmla="*/ 1238250 w 3609975"/>
                <a:gd name="connsiteY3" fmla="*/ 18874 h 704674"/>
                <a:gd name="connsiteX4" fmla="*/ 1579562 w 3609975"/>
                <a:gd name="connsiteY4" fmla="*/ 60149 h 704674"/>
                <a:gd name="connsiteX5" fmla="*/ 1803401 w 3609975"/>
                <a:gd name="connsiteY5" fmla="*/ 252237 h 704674"/>
                <a:gd name="connsiteX6" fmla="*/ 2085931 w 3609975"/>
                <a:gd name="connsiteY6" fmla="*/ 336426 h 704674"/>
                <a:gd name="connsiteX7" fmla="*/ 2492375 w 3609975"/>
                <a:gd name="connsiteY7" fmla="*/ 485599 h 704674"/>
                <a:gd name="connsiteX8" fmla="*/ 3609975 w 3609975"/>
                <a:gd name="connsiteY8" fmla="*/ 704674 h 704674"/>
                <a:gd name="connsiteX0" fmla="*/ 0 w 3609975"/>
                <a:gd name="connsiteY0" fmla="*/ 704674 h 704674"/>
                <a:gd name="connsiteX1" fmla="*/ 206375 w 3609975"/>
                <a:gd name="connsiteY1" fmla="*/ 631649 h 704674"/>
                <a:gd name="connsiteX2" fmla="*/ 767557 w 3609975"/>
                <a:gd name="connsiteY2" fmla="*/ 337961 h 704674"/>
                <a:gd name="connsiteX3" fmla="*/ 1238250 w 3609975"/>
                <a:gd name="connsiteY3" fmla="*/ 18874 h 704674"/>
                <a:gd name="connsiteX4" fmla="*/ 1579562 w 3609975"/>
                <a:gd name="connsiteY4" fmla="*/ 60149 h 704674"/>
                <a:gd name="connsiteX5" fmla="*/ 1803401 w 3609975"/>
                <a:gd name="connsiteY5" fmla="*/ 252237 h 704674"/>
                <a:gd name="connsiteX6" fmla="*/ 2165306 w 3609975"/>
                <a:gd name="connsiteY6" fmla="*/ 317376 h 704674"/>
                <a:gd name="connsiteX7" fmla="*/ 2492375 w 3609975"/>
                <a:gd name="connsiteY7" fmla="*/ 485599 h 704674"/>
                <a:gd name="connsiteX8" fmla="*/ 3609975 w 3609975"/>
                <a:gd name="connsiteY8" fmla="*/ 704674 h 704674"/>
                <a:gd name="connsiteX0" fmla="*/ 0 w 3609975"/>
                <a:gd name="connsiteY0" fmla="*/ 706825 h 706825"/>
                <a:gd name="connsiteX1" fmla="*/ 206375 w 3609975"/>
                <a:gd name="connsiteY1" fmla="*/ 633800 h 706825"/>
                <a:gd name="connsiteX2" fmla="*/ 767557 w 3609975"/>
                <a:gd name="connsiteY2" fmla="*/ 340112 h 706825"/>
                <a:gd name="connsiteX3" fmla="*/ 1238250 w 3609975"/>
                <a:gd name="connsiteY3" fmla="*/ 21025 h 706825"/>
                <a:gd name="connsiteX4" fmla="*/ 1579562 w 3609975"/>
                <a:gd name="connsiteY4" fmla="*/ 62300 h 706825"/>
                <a:gd name="connsiteX5" fmla="*/ 1806576 w 3609975"/>
                <a:gd name="connsiteY5" fmla="*/ 321063 h 706825"/>
                <a:gd name="connsiteX6" fmla="*/ 2165306 w 3609975"/>
                <a:gd name="connsiteY6" fmla="*/ 319527 h 706825"/>
                <a:gd name="connsiteX7" fmla="*/ 2492375 w 3609975"/>
                <a:gd name="connsiteY7" fmla="*/ 487750 h 706825"/>
                <a:gd name="connsiteX8" fmla="*/ 3609975 w 3609975"/>
                <a:gd name="connsiteY8" fmla="*/ 706825 h 706825"/>
                <a:gd name="connsiteX0" fmla="*/ 0 w 3609975"/>
                <a:gd name="connsiteY0" fmla="*/ 706825 h 706825"/>
                <a:gd name="connsiteX1" fmla="*/ 206375 w 3609975"/>
                <a:gd name="connsiteY1" fmla="*/ 633800 h 706825"/>
                <a:gd name="connsiteX2" fmla="*/ 767557 w 3609975"/>
                <a:gd name="connsiteY2" fmla="*/ 340112 h 706825"/>
                <a:gd name="connsiteX3" fmla="*/ 1238250 w 3609975"/>
                <a:gd name="connsiteY3" fmla="*/ 21025 h 706825"/>
                <a:gd name="connsiteX4" fmla="*/ 1579562 w 3609975"/>
                <a:gd name="connsiteY4" fmla="*/ 62300 h 706825"/>
                <a:gd name="connsiteX5" fmla="*/ 1806576 w 3609975"/>
                <a:gd name="connsiteY5" fmla="*/ 321063 h 706825"/>
                <a:gd name="connsiteX6" fmla="*/ 2165306 w 3609975"/>
                <a:gd name="connsiteY6" fmla="*/ 319527 h 706825"/>
                <a:gd name="connsiteX7" fmla="*/ 2609850 w 3609975"/>
                <a:gd name="connsiteY7" fmla="*/ 471875 h 706825"/>
                <a:gd name="connsiteX8" fmla="*/ 3609975 w 3609975"/>
                <a:gd name="connsiteY8" fmla="*/ 706825 h 706825"/>
                <a:gd name="connsiteX0" fmla="*/ 0 w 3609975"/>
                <a:gd name="connsiteY0" fmla="*/ 706825 h 706825"/>
                <a:gd name="connsiteX1" fmla="*/ 206375 w 3609975"/>
                <a:gd name="connsiteY1" fmla="*/ 633800 h 706825"/>
                <a:gd name="connsiteX2" fmla="*/ 767557 w 3609975"/>
                <a:gd name="connsiteY2" fmla="*/ 340112 h 706825"/>
                <a:gd name="connsiteX3" fmla="*/ 1238250 w 3609975"/>
                <a:gd name="connsiteY3" fmla="*/ 21025 h 706825"/>
                <a:gd name="connsiteX4" fmla="*/ 1579562 w 3609975"/>
                <a:gd name="connsiteY4" fmla="*/ 62300 h 706825"/>
                <a:gd name="connsiteX5" fmla="*/ 1806576 w 3609975"/>
                <a:gd name="connsiteY5" fmla="*/ 321063 h 706825"/>
                <a:gd name="connsiteX6" fmla="*/ 2165306 w 3609975"/>
                <a:gd name="connsiteY6" fmla="*/ 319527 h 706825"/>
                <a:gd name="connsiteX7" fmla="*/ 2609850 w 3609975"/>
                <a:gd name="connsiteY7" fmla="*/ 471875 h 706825"/>
                <a:gd name="connsiteX8" fmla="*/ 3609975 w 3609975"/>
                <a:gd name="connsiteY8" fmla="*/ 706825 h 706825"/>
                <a:gd name="connsiteX0" fmla="*/ 0 w 3609975"/>
                <a:gd name="connsiteY0" fmla="*/ 706825 h 706825"/>
                <a:gd name="connsiteX1" fmla="*/ 206375 w 3609975"/>
                <a:gd name="connsiteY1" fmla="*/ 633800 h 706825"/>
                <a:gd name="connsiteX2" fmla="*/ 767557 w 3609975"/>
                <a:gd name="connsiteY2" fmla="*/ 340112 h 706825"/>
                <a:gd name="connsiteX3" fmla="*/ 1238250 w 3609975"/>
                <a:gd name="connsiteY3" fmla="*/ 21025 h 706825"/>
                <a:gd name="connsiteX4" fmla="*/ 1579562 w 3609975"/>
                <a:gd name="connsiteY4" fmla="*/ 62300 h 706825"/>
                <a:gd name="connsiteX5" fmla="*/ 1806576 w 3609975"/>
                <a:gd name="connsiteY5" fmla="*/ 321063 h 706825"/>
                <a:gd name="connsiteX6" fmla="*/ 2165306 w 3609975"/>
                <a:gd name="connsiteY6" fmla="*/ 319527 h 706825"/>
                <a:gd name="connsiteX7" fmla="*/ 2609850 w 3609975"/>
                <a:gd name="connsiteY7" fmla="*/ 471875 h 706825"/>
                <a:gd name="connsiteX8" fmla="*/ 3609975 w 3609975"/>
                <a:gd name="connsiteY8" fmla="*/ 706825 h 706825"/>
                <a:gd name="connsiteX0" fmla="*/ 0 w 3609975"/>
                <a:gd name="connsiteY0" fmla="*/ 706825 h 706825"/>
                <a:gd name="connsiteX1" fmla="*/ 206375 w 3609975"/>
                <a:gd name="connsiteY1" fmla="*/ 633800 h 706825"/>
                <a:gd name="connsiteX2" fmla="*/ 767557 w 3609975"/>
                <a:gd name="connsiteY2" fmla="*/ 340112 h 706825"/>
                <a:gd name="connsiteX3" fmla="*/ 1238250 w 3609975"/>
                <a:gd name="connsiteY3" fmla="*/ 21025 h 706825"/>
                <a:gd name="connsiteX4" fmla="*/ 1579562 w 3609975"/>
                <a:gd name="connsiteY4" fmla="*/ 62300 h 706825"/>
                <a:gd name="connsiteX5" fmla="*/ 1806576 w 3609975"/>
                <a:gd name="connsiteY5" fmla="*/ 321063 h 706825"/>
                <a:gd name="connsiteX6" fmla="*/ 2165306 w 3609975"/>
                <a:gd name="connsiteY6" fmla="*/ 319527 h 706825"/>
                <a:gd name="connsiteX7" fmla="*/ 2609850 w 3609975"/>
                <a:gd name="connsiteY7" fmla="*/ 471875 h 706825"/>
                <a:gd name="connsiteX8" fmla="*/ 3609975 w 3609975"/>
                <a:gd name="connsiteY8" fmla="*/ 706825 h 706825"/>
                <a:gd name="connsiteX0" fmla="*/ 0 w 3609975"/>
                <a:gd name="connsiteY0" fmla="*/ 706716 h 706716"/>
                <a:gd name="connsiteX1" fmla="*/ 206375 w 3609975"/>
                <a:gd name="connsiteY1" fmla="*/ 633691 h 706716"/>
                <a:gd name="connsiteX2" fmla="*/ 767557 w 3609975"/>
                <a:gd name="connsiteY2" fmla="*/ 340003 h 706716"/>
                <a:gd name="connsiteX3" fmla="*/ 1238250 w 3609975"/>
                <a:gd name="connsiteY3" fmla="*/ 20916 h 706716"/>
                <a:gd name="connsiteX4" fmla="*/ 1579562 w 3609975"/>
                <a:gd name="connsiteY4" fmla="*/ 62191 h 706716"/>
                <a:gd name="connsiteX5" fmla="*/ 1857376 w 3609975"/>
                <a:gd name="connsiteY5" fmla="*/ 317779 h 706716"/>
                <a:gd name="connsiteX6" fmla="*/ 2165306 w 3609975"/>
                <a:gd name="connsiteY6" fmla="*/ 319418 h 706716"/>
                <a:gd name="connsiteX7" fmla="*/ 2609850 w 3609975"/>
                <a:gd name="connsiteY7" fmla="*/ 471766 h 706716"/>
                <a:gd name="connsiteX8" fmla="*/ 3609975 w 3609975"/>
                <a:gd name="connsiteY8" fmla="*/ 706716 h 706716"/>
                <a:gd name="connsiteX0" fmla="*/ 0 w 3609975"/>
                <a:gd name="connsiteY0" fmla="*/ 720661 h 720661"/>
                <a:gd name="connsiteX1" fmla="*/ 206375 w 3609975"/>
                <a:gd name="connsiteY1" fmla="*/ 647636 h 720661"/>
                <a:gd name="connsiteX2" fmla="*/ 767557 w 3609975"/>
                <a:gd name="connsiteY2" fmla="*/ 353948 h 720661"/>
                <a:gd name="connsiteX3" fmla="*/ 1238250 w 3609975"/>
                <a:gd name="connsiteY3" fmla="*/ 34861 h 720661"/>
                <a:gd name="connsiteX4" fmla="*/ 1579562 w 3609975"/>
                <a:gd name="connsiteY4" fmla="*/ 76136 h 720661"/>
                <a:gd name="connsiteX5" fmla="*/ 1857376 w 3609975"/>
                <a:gd name="connsiteY5" fmla="*/ 331724 h 720661"/>
                <a:gd name="connsiteX6" fmla="*/ 2165306 w 3609975"/>
                <a:gd name="connsiteY6" fmla="*/ 333363 h 720661"/>
                <a:gd name="connsiteX7" fmla="*/ 2609850 w 3609975"/>
                <a:gd name="connsiteY7" fmla="*/ 485711 h 720661"/>
                <a:gd name="connsiteX8" fmla="*/ 3609975 w 3609975"/>
                <a:gd name="connsiteY8" fmla="*/ 720661 h 720661"/>
                <a:gd name="connsiteX0" fmla="*/ 0 w 3609975"/>
                <a:gd name="connsiteY0" fmla="*/ 719155 h 719155"/>
                <a:gd name="connsiteX1" fmla="*/ 206375 w 3609975"/>
                <a:gd name="connsiteY1" fmla="*/ 646130 h 719155"/>
                <a:gd name="connsiteX2" fmla="*/ 669132 w 3609975"/>
                <a:gd name="connsiteY2" fmla="*/ 330217 h 719155"/>
                <a:gd name="connsiteX3" fmla="*/ 1238250 w 3609975"/>
                <a:gd name="connsiteY3" fmla="*/ 33355 h 719155"/>
                <a:gd name="connsiteX4" fmla="*/ 1579562 w 3609975"/>
                <a:gd name="connsiteY4" fmla="*/ 74630 h 719155"/>
                <a:gd name="connsiteX5" fmla="*/ 1857376 w 3609975"/>
                <a:gd name="connsiteY5" fmla="*/ 330218 h 719155"/>
                <a:gd name="connsiteX6" fmla="*/ 2165306 w 3609975"/>
                <a:gd name="connsiteY6" fmla="*/ 331857 h 719155"/>
                <a:gd name="connsiteX7" fmla="*/ 2609850 w 3609975"/>
                <a:gd name="connsiteY7" fmla="*/ 484205 h 719155"/>
                <a:gd name="connsiteX8" fmla="*/ 3609975 w 3609975"/>
                <a:gd name="connsiteY8" fmla="*/ 719155 h 719155"/>
                <a:gd name="connsiteX0" fmla="*/ 0 w 3609975"/>
                <a:gd name="connsiteY0" fmla="*/ 705741 h 705741"/>
                <a:gd name="connsiteX1" fmla="*/ 206375 w 3609975"/>
                <a:gd name="connsiteY1" fmla="*/ 632716 h 705741"/>
                <a:gd name="connsiteX2" fmla="*/ 669132 w 3609975"/>
                <a:gd name="connsiteY2" fmla="*/ 316803 h 705741"/>
                <a:gd name="connsiteX3" fmla="*/ 1238250 w 3609975"/>
                <a:gd name="connsiteY3" fmla="*/ 19941 h 705741"/>
                <a:gd name="connsiteX4" fmla="*/ 1579562 w 3609975"/>
                <a:gd name="connsiteY4" fmla="*/ 61216 h 705741"/>
                <a:gd name="connsiteX5" fmla="*/ 1908176 w 3609975"/>
                <a:gd name="connsiteY5" fmla="*/ 335854 h 705741"/>
                <a:gd name="connsiteX6" fmla="*/ 2165306 w 3609975"/>
                <a:gd name="connsiteY6" fmla="*/ 318443 h 705741"/>
                <a:gd name="connsiteX7" fmla="*/ 2609850 w 3609975"/>
                <a:gd name="connsiteY7" fmla="*/ 470791 h 705741"/>
                <a:gd name="connsiteX8" fmla="*/ 3609975 w 3609975"/>
                <a:gd name="connsiteY8" fmla="*/ 705741 h 705741"/>
                <a:gd name="connsiteX0" fmla="*/ 0 w 3609975"/>
                <a:gd name="connsiteY0" fmla="*/ 706438 h 706438"/>
                <a:gd name="connsiteX1" fmla="*/ 206375 w 3609975"/>
                <a:gd name="connsiteY1" fmla="*/ 633413 h 706438"/>
                <a:gd name="connsiteX2" fmla="*/ 669132 w 3609975"/>
                <a:gd name="connsiteY2" fmla="*/ 317500 h 706438"/>
                <a:gd name="connsiteX3" fmla="*/ 1238250 w 3609975"/>
                <a:gd name="connsiteY3" fmla="*/ 20638 h 706438"/>
                <a:gd name="connsiteX4" fmla="*/ 1579562 w 3609975"/>
                <a:gd name="connsiteY4" fmla="*/ 61913 h 706438"/>
                <a:gd name="connsiteX5" fmla="*/ 1879601 w 3609975"/>
                <a:gd name="connsiteY5" fmla="*/ 355601 h 706438"/>
                <a:gd name="connsiteX6" fmla="*/ 2165306 w 3609975"/>
                <a:gd name="connsiteY6" fmla="*/ 319140 h 706438"/>
                <a:gd name="connsiteX7" fmla="*/ 2609850 w 3609975"/>
                <a:gd name="connsiteY7" fmla="*/ 471488 h 706438"/>
                <a:gd name="connsiteX8" fmla="*/ 3609975 w 3609975"/>
                <a:gd name="connsiteY8" fmla="*/ 706438 h 706438"/>
                <a:gd name="connsiteX0" fmla="*/ 0 w 3609975"/>
                <a:gd name="connsiteY0" fmla="*/ 704433 h 704433"/>
                <a:gd name="connsiteX1" fmla="*/ 206375 w 3609975"/>
                <a:gd name="connsiteY1" fmla="*/ 631408 h 704433"/>
                <a:gd name="connsiteX2" fmla="*/ 669132 w 3609975"/>
                <a:gd name="connsiteY2" fmla="*/ 315495 h 704433"/>
                <a:gd name="connsiteX3" fmla="*/ 1238250 w 3609975"/>
                <a:gd name="connsiteY3" fmla="*/ 18633 h 704433"/>
                <a:gd name="connsiteX4" fmla="*/ 1579562 w 3609975"/>
                <a:gd name="connsiteY4" fmla="*/ 59908 h 704433"/>
                <a:gd name="connsiteX5" fmla="*/ 1873251 w 3609975"/>
                <a:gd name="connsiteY5" fmla="*/ 296446 h 704433"/>
                <a:gd name="connsiteX6" fmla="*/ 2165306 w 3609975"/>
                <a:gd name="connsiteY6" fmla="*/ 317135 h 704433"/>
                <a:gd name="connsiteX7" fmla="*/ 2609850 w 3609975"/>
                <a:gd name="connsiteY7" fmla="*/ 469483 h 704433"/>
                <a:gd name="connsiteX8" fmla="*/ 3609975 w 3609975"/>
                <a:gd name="connsiteY8" fmla="*/ 704433 h 70443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3609975" h="704433">
                  <a:moveTo>
                    <a:pt x="0" y="704433"/>
                  </a:moveTo>
                  <a:cubicBezTo>
                    <a:pt x="163248" y="691204"/>
                    <a:pt x="94853" y="696231"/>
                    <a:pt x="206375" y="631408"/>
                  </a:cubicBezTo>
                  <a:cubicBezTo>
                    <a:pt x="317897" y="566585"/>
                    <a:pt x="497153" y="417624"/>
                    <a:pt x="669132" y="315495"/>
                  </a:cubicBezTo>
                  <a:cubicBezTo>
                    <a:pt x="841111" y="213366"/>
                    <a:pt x="1086512" y="61231"/>
                    <a:pt x="1238250" y="18633"/>
                  </a:cubicBezTo>
                  <a:cubicBezTo>
                    <a:pt x="1389988" y="-23965"/>
                    <a:pt x="1473729" y="13606"/>
                    <a:pt x="1579562" y="59908"/>
                  </a:cubicBezTo>
                  <a:cubicBezTo>
                    <a:pt x="1685395" y="106210"/>
                    <a:pt x="1775627" y="253575"/>
                    <a:pt x="1873251" y="296446"/>
                  </a:cubicBezTo>
                  <a:cubicBezTo>
                    <a:pt x="1970875" y="339317"/>
                    <a:pt x="2042540" y="288296"/>
                    <a:pt x="2165306" y="317135"/>
                  </a:cubicBezTo>
                  <a:cubicBezTo>
                    <a:pt x="2288073" y="345975"/>
                    <a:pt x="2356372" y="436683"/>
                    <a:pt x="2609850" y="469483"/>
                  </a:cubicBezTo>
                  <a:cubicBezTo>
                    <a:pt x="2863328" y="502283"/>
                    <a:pt x="3067050" y="606008"/>
                    <a:pt x="3609975" y="704433"/>
                  </a:cubicBezTo>
                </a:path>
              </a:pathLst>
            </a:custGeom>
            <a:solidFill>
              <a:schemeClr val="accent2">
                <a:lumMod val="75000"/>
              </a:schemeClr>
            </a:solidFill>
            <a:ln w="25400">
              <a:solidFill>
                <a:schemeClr val="accent2">
                  <a:lumMod val="5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CH"/>
            </a:p>
          </p:txBody>
        </p:sp>
        <p:sp>
          <p:nvSpPr>
            <p:cNvPr id="33" name="TextBox 32"/>
            <p:cNvSpPr txBox="1"/>
            <p:nvPr/>
          </p:nvSpPr>
          <p:spPr>
            <a:xfrm>
              <a:off x="518018" y="4330813"/>
              <a:ext cx="2727029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dirty="0" smtClean="0">
                  <a:latin typeface="Gentium Basic" panose="02000503060000020004" pitchFamily="2" charset="0"/>
                </a:rPr>
                <a:t>possible destination points</a:t>
              </a:r>
              <a:endParaRPr lang="de-CH" dirty="0">
                <a:latin typeface="Gentium Basic" panose="02000503060000020004" pitchFamily="2" charset="0"/>
              </a:endParaRPr>
            </a:p>
          </p:txBody>
        </p:sp>
        <p:sp>
          <p:nvSpPr>
            <p:cNvPr id="67" name="Rectangle 66"/>
            <p:cNvSpPr/>
            <p:nvPr/>
          </p:nvSpPr>
          <p:spPr>
            <a:xfrm>
              <a:off x="4309277" y="4700145"/>
              <a:ext cx="3600000" cy="1440000"/>
            </a:xfrm>
            <a:prstGeom prst="rect">
              <a:avLst/>
            </a:prstGeom>
          </p:spPr>
          <p:style>
            <a:lnRef idx="2">
              <a:schemeClr val="accent5"/>
            </a:lnRef>
            <a:fillRef idx="1002">
              <a:schemeClr val="lt2"/>
            </a:fillRef>
            <a:effectRef idx="0">
              <a:schemeClr val="accent5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de-CH" sz="1200" dirty="0">
                <a:latin typeface="Gentium Basic" panose="02000503060000020004" pitchFamily="2" charset="0"/>
              </a:endParaRPr>
            </a:p>
          </p:txBody>
        </p:sp>
        <p:sp>
          <p:nvSpPr>
            <p:cNvPr id="69" name="Freeform 68"/>
            <p:cNvSpPr/>
            <p:nvPr/>
          </p:nvSpPr>
          <p:spPr>
            <a:xfrm>
              <a:off x="4308475" y="5375858"/>
              <a:ext cx="3609975" cy="766916"/>
            </a:xfrm>
            <a:custGeom>
              <a:avLst/>
              <a:gdLst>
                <a:gd name="connsiteX0" fmla="*/ 0 w 3606800"/>
                <a:gd name="connsiteY0" fmla="*/ 444745 h 595387"/>
                <a:gd name="connsiteX1" fmla="*/ 273050 w 3606800"/>
                <a:gd name="connsiteY1" fmla="*/ 245 h 595387"/>
                <a:gd name="connsiteX2" fmla="*/ 412750 w 3606800"/>
                <a:gd name="connsiteY2" fmla="*/ 381245 h 595387"/>
                <a:gd name="connsiteX3" fmla="*/ 622300 w 3606800"/>
                <a:gd name="connsiteY3" fmla="*/ 343145 h 595387"/>
                <a:gd name="connsiteX4" fmla="*/ 882650 w 3606800"/>
                <a:gd name="connsiteY4" fmla="*/ 412995 h 595387"/>
                <a:gd name="connsiteX5" fmla="*/ 1073150 w 3606800"/>
                <a:gd name="connsiteY5" fmla="*/ 25645 h 595387"/>
                <a:gd name="connsiteX6" fmla="*/ 1225550 w 3606800"/>
                <a:gd name="connsiteY6" fmla="*/ 552695 h 595387"/>
                <a:gd name="connsiteX7" fmla="*/ 1981200 w 3606800"/>
                <a:gd name="connsiteY7" fmla="*/ 508245 h 595387"/>
                <a:gd name="connsiteX8" fmla="*/ 2857500 w 3606800"/>
                <a:gd name="connsiteY8" fmla="*/ 578095 h 595387"/>
                <a:gd name="connsiteX9" fmla="*/ 3181350 w 3606800"/>
                <a:gd name="connsiteY9" fmla="*/ 222495 h 595387"/>
                <a:gd name="connsiteX10" fmla="*/ 3390900 w 3606800"/>
                <a:gd name="connsiteY10" fmla="*/ 571745 h 595387"/>
                <a:gd name="connsiteX11" fmla="*/ 3606800 w 3606800"/>
                <a:gd name="connsiteY11" fmla="*/ 565395 h 595387"/>
                <a:gd name="connsiteX0" fmla="*/ 0 w 3606800"/>
                <a:gd name="connsiteY0" fmla="*/ 444745 h 595387"/>
                <a:gd name="connsiteX1" fmla="*/ 273050 w 3606800"/>
                <a:gd name="connsiteY1" fmla="*/ 245 h 595387"/>
                <a:gd name="connsiteX2" fmla="*/ 412750 w 3606800"/>
                <a:gd name="connsiteY2" fmla="*/ 381245 h 595387"/>
                <a:gd name="connsiteX3" fmla="*/ 622300 w 3606800"/>
                <a:gd name="connsiteY3" fmla="*/ 343145 h 595387"/>
                <a:gd name="connsiteX4" fmla="*/ 882650 w 3606800"/>
                <a:gd name="connsiteY4" fmla="*/ 412995 h 595387"/>
                <a:gd name="connsiteX5" fmla="*/ 1073150 w 3606800"/>
                <a:gd name="connsiteY5" fmla="*/ 25645 h 595387"/>
                <a:gd name="connsiteX6" fmla="*/ 1258888 w 3606800"/>
                <a:gd name="connsiteY6" fmla="*/ 524762 h 595387"/>
                <a:gd name="connsiteX7" fmla="*/ 1981200 w 3606800"/>
                <a:gd name="connsiteY7" fmla="*/ 508245 h 595387"/>
                <a:gd name="connsiteX8" fmla="*/ 2857500 w 3606800"/>
                <a:gd name="connsiteY8" fmla="*/ 578095 h 595387"/>
                <a:gd name="connsiteX9" fmla="*/ 3181350 w 3606800"/>
                <a:gd name="connsiteY9" fmla="*/ 222495 h 595387"/>
                <a:gd name="connsiteX10" fmla="*/ 3390900 w 3606800"/>
                <a:gd name="connsiteY10" fmla="*/ 571745 h 595387"/>
                <a:gd name="connsiteX11" fmla="*/ 3606800 w 3606800"/>
                <a:gd name="connsiteY11" fmla="*/ 565395 h 595387"/>
                <a:gd name="connsiteX0" fmla="*/ 0 w 3606800"/>
                <a:gd name="connsiteY0" fmla="*/ 444745 h 595387"/>
                <a:gd name="connsiteX1" fmla="*/ 273050 w 3606800"/>
                <a:gd name="connsiteY1" fmla="*/ 245 h 595387"/>
                <a:gd name="connsiteX2" fmla="*/ 412750 w 3606800"/>
                <a:gd name="connsiteY2" fmla="*/ 381245 h 595387"/>
                <a:gd name="connsiteX3" fmla="*/ 622300 w 3606800"/>
                <a:gd name="connsiteY3" fmla="*/ 343145 h 595387"/>
                <a:gd name="connsiteX4" fmla="*/ 882650 w 3606800"/>
                <a:gd name="connsiteY4" fmla="*/ 412995 h 595387"/>
                <a:gd name="connsiteX5" fmla="*/ 1073150 w 3606800"/>
                <a:gd name="connsiteY5" fmla="*/ 25645 h 595387"/>
                <a:gd name="connsiteX6" fmla="*/ 1258888 w 3606800"/>
                <a:gd name="connsiteY6" fmla="*/ 524762 h 595387"/>
                <a:gd name="connsiteX7" fmla="*/ 1981200 w 3606800"/>
                <a:gd name="connsiteY7" fmla="*/ 508245 h 595387"/>
                <a:gd name="connsiteX8" fmla="*/ 2890838 w 3606800"/>
                <a:gd name="connsiteY8" fmla="*/ 546671 h 595387"/>
                <a:gd name="connsiteX9" fmla="*/ 3181350 w 3606800"/>
                <a:gd name="connsiteY9" fmla="*/ 222495 h 595387"/>
                <a:gd name="connsiteX10" fmla="*/ 3390900 w 3606800"/>
                <a:gd name="connsiteY10" fmla="*/ 571745 h 595387"/>
                <a:gd name="connsiteX11" fmla="*/ 3606800 w 3606800"/>
                <a:gd name="connsiteY11" fmla="*/ 565395 h 595387"/>
                <a:gd name="connsiteX0" fmla="*/ 0 w 3606800"/>
                <a:gd name="connsiteY0" fmla="*/ 444745 h 595387"/>
                <a:gd name="connsiteX1" fmla="*/ 273050 w 3606800"/>
                <a:gd name="connsiteY1" fmla="*/ 245 h 595387"/>
                <a:gd name="connsiteX2" fmla="*/ 412750 w 3606800"/>
                <a:gd name="connsiteY2" fmla="*/ 381245 h 595387"/>
                <a:gd name="connsiteX3" fmla="*/ 622300 w 3606800"/>
                <a:gd name="connsiteY3" fmla="*/ 343145 h 595387"/>
                <a:gd name="connsiteX4" fmla="*/ 882650 w 3606800"/>
                <a:gd name="connsiteY4" fmla="*/ 412995 h 595387"/>
                <a:gd name="connsiteX5" fmla="*/ 1073150 w 3606800"/>
                <a:gd name="connsiteY5" fmla="*/ 25645 h 595387"/>
                <a:gd name="connsiteX6" fmla="*/ 1258888 w 3606800"/>
                <a:gd name="connsiteY6" fmla="*/ 524762 h 595387"/>
                <a:gd name="connsiteX7" fmla="*/ 1828800 w 3606800"/>
                <a:gd name="connsiteY7" fmla="*/ 532687 h 595387"/>
                <a:gd name="connsiteX8" fmla="*/ 2890838 w 3606800"/>
                <a:gd name="connsiteY8" fmla="*/ 546671 h 595387"/>
                <a:gd name="connsiteX9" fmla="*/ 3181350 w 3606800"/>
                <a:gd name="connsiteY9" fmla="*/ 222495 h 595387"/>
                <a:gd name="connsiteX10" fmla="*/ 3390900 w 3606800"/>
                <a:gd name="connsiteY10" fmla="*/ 571745 h 595387"/>
                <a:gd name="connsiteX11" fmla="*/ 3606800 w 3606800"/>
                <a:gd name="connsiteY11" fmla="*/ 565395 h 595387"/>
                <a:gd name="connsiteX0" fmla="*/ 0 w 3606800"/>
                <a:gd name="connsiteY0" fmla="*/ 444745 h 595387"/>
                <a:gd name="connsiteX1" fmla="*/ 273050 w 3606800"/>
                <a:gd name="connsiteY1" fmla="*/ 245 h 595387"/>
                <a:gd name="connsiteX2" fmla="*/ 412750 w 3606800"/>
                <a:gd name="connsiteY2" fmla="*/ 381245 h 595387"/>
                <a:gd name="connsiteX3" fmla="*/ 622300 w 3606800"/>
                <a:gd name="connsiteY3" fmla="*/ 343145 h 595387"/>
                <a:gd name="connsiteX4" fmla="*/ 882650 w 3606800"/>
                <a:gd name="connsiteY4" fmla="*/ 412995 h 595387"/>
                <a:gd name="connsiteX5" fmla="*/ 1073150 w 3606800"/>
                <a:gd name="connsiteY5" fmla="*/ 25645 h 595387"/>
                <a:gd name="connsiteX6" fmla="*/ 1258888 w 3606800"/>
                <a:gd name="connsiteY6" fmla="*/ 524762 h 595387"/>
                <a:gd name="connsiteX7" fmla="*/ 2085975 w 3606800"/>
                <a:gd name="connsiteY7" fmla="*/ 525704 h 595387"/>
                <a:gd name="connsiteX8" fmla="*/ 2890838 w 3606800"/>
                <a:gd name="connsiteY8" fmla="*/ 546671 h 595387"/>
                <a:gd name="connsiteX9" fmla="*/ 3181350 w 3606800"/>
                <a:gd name="connsiteY9" fmla="*/ 222495 h 595387"/>
                <a:gd name="connsiteX10" fmla="*/ 3390900 w 3606800"/>
                <a:gd name="connsiteY10" fmla="*/ 571745 h 595387"/>
                <a:gd name="connsiteX11" fmla="*/ 3606800 w 3606800"/>
                <a:gd name="connsiteY11" fmla="*/ 565395 h 595387"/>
                <a:gd name="connsiteX0" fmla="*/ 0 w 3606800"/>
                <a:gd name="connsiteY0" fmla="*/ 444745 h 565395"/>
                <a:gd name="connsiteX1" fmla="*/ 273050 w 3606800"/>
                <a:gd name="connsiteY1" fmla="*/ 245 h 565395"/>
                <a:gd name="connsiteX2" fmla="*/ 412750 w 3606800"/>
                <a:gd name="connsiteY2" fmla="*/ 381245 h 565395"/>
                <a:gd name="connsiteX3" fmla="*/ 622300 w 3606800"/>
                <a:gd name="connsiteY3" fmla="*/ 343145 h 565395"/>
                <a:gd name="connsiteX4" fmla="*/ 882650 w 3606800"/>
                <a:gd name="connsiteY4" fmla="*/ 412995 h 565395"/>
                <a:gd name="connsiteX5" fmla="*/ 1073150 w 3606800"/>
                <a:gd name="connsiteY5" fmla="*/ 25645 h 565395"/>
                <a:gd name="connsiteX6" fmla="*/ 1258888 w 3606800"/>
                <a:gd name="connsiteY6" fmla="*/ 524762 h 565395"/>
                <a:gd name="connsiteX7" fmla="*/ 2085975 w 3606800"/>
                <a:gd name="connsiteY7" fmla="*/ 525704 h 565395"/>
                <a:gd name="connsiteX8" fmla="*/ 2890838 w 3606800"/>
                <a:gd name="connsiteY8" fmla="*/ 546671 h 565395"/>
                <a:gd name="connsiteX9" fmla="*/ 3181350 w 3606800"/>
                <a:gd name="connsiteY9" fmla="*/ 222495 h 565395"/>
                <a:gd name="connsiteX10" fmla="*/ 3357563 w 3606800"/>
                <a:gd name="connsiteY10" fmla="*/ 512387 h 565395"/>
                <a:gd name="connsiteX11" fmla="*/ 3606800 w 3606800"/>
                <a:gd name="connsiteY11" fmla="*/ 565395 h 565395"/>
                <a:gd name="connsiteX0" fmla="*/ 0 w 3606800"/>
                <a:gd name="connsiteY0" fmla="*/ 444745 h 565395"/>
                <a:gd name="connsiteX1" fmla="*/ 273050 w 3606800"/>
                <a:gd name="connsiteY1" fmla="*/ 245 h 565395"/>
                <a:gd name="connsiteX2" fmla="*/ 412750 w 3606800"/>
                <a:gd name="connsiteY2" fmla="*/ 381245 h 565395"/>
                <a:gd name="connsiteX3" fmla="*/ 622300 w 3606800"/>
                <a:gd name="connsiteY3" fmla="*/ 343145 h 565395"/>
                <a:gd name="connsiteX4" fmla="*/ 854075 w 3606800"/>
                <a:gd name="connsiteY4" fmla="*/ 364112 h 565395"/>
                <a:gd name="connsiteX5" fmla="*/ 1073150 w 3606800"/>
                <a:gd name="connsiteY5" fmla="*/ 25645 h 565395"/>
                <a:gd name="connsiteX6" fmla="*/ 1258888 w 3606800"/>
                <a:gd name="connsiteY6" fmla="*/ 524762 h 565395"/>
                <a:gd name="connsiteX7" fmla="*/ 2085975 w 3606800"/>
                <a:gd name="connsiteY7" fmla="*/ 525704 h 565395"/>
                <a:gd name="connsiteX8" fmla="*/ 2890838 w 3606800"/>
                <a:gd name="connsiteY8" fmla="*/ 546671 h 565395"/>
                <a:gd name="connsiteX9" fmla="*/ 3181350 w 3606800"/>
                <a:gd name="connsiteY9" fmla="*/ 222495 h 565395"/>
                <a:gd name="connsiteX10" fmla="*/ 3357563 w 3606800"/>
                <a:gd name="connsiteY10" fmla="*/ 512387 h 565395"/>
                <a:gd name="connsiteX11" fmla="*/ 3606800 w 3606800"/>
                <a:gd name="connsiteY11" fmla="*/ 565395 h 565395"/>
                <a:gd name="connsiteX0" fmla="*/ 0 w 3606800"/>
                <a:gd name="connsiteY0" fmla="*/ 444501 h 565151"/>
                <a:gd name="connsiteX1" fmla="*/ 273050 w 3606800"/>
                <a:gd name="connsiteY1" fmla="*/ 1 h 565151"/>
                <a:gd name="connsiteX2" fmla="*/ 427038 w 3606800"/>
                <a:gd name="connsiteY2" fmla="*/ 443850 h 565151"/>
                <a:gd name="connsiteX3" fmla="*/ 622300 w 3606800"/>
                <a:gd name="connsiteY3" fmla="*/ 342901 h 565151"/>
                <a:gd name="connsiteX4" fmla="*/ 854075 w 3606800"/>
                <a:gd name="connsiteY4" fmla="*/ 363868 h 565151"/>
                <a:gd name="connsiteX5" fmla="*/ 1073150 w 3606800"/>
                <a:gd name="connsiteY5" fmla="*/ 25401 h 565151"/>
                <a:gd name="connsiteX6" fmla="*/ 1258888 w 3606800"/>
                <a:gd name="connsiteY6" fmla="*/ 524518 h 565151"/>
                <a:gd name="connsiteX7" fmla="*/ 2085975 w 3606800"/>
                <a:gd name="connsiteY7" fmla="*/ 525460 h 565151"/>
                <a:gd name="connsiteX8" fmla="*/ 2890838 w 3606800"/>
                <a:gd name="connsiteY8" fmla="*/ 546427 h 565151"/>
                <a:gd name="connsiteX9" fmla="*/ 3181350 w 3606800"/>
                <a:gd name="connsiteY9" fmla="*/ 222251 h 565151"/>
                <a:gd name="connsiteX10" fmla="*/ 3357563 w 3606800"/>
                <a:gd name="connsiteY10" fmla="*/ 512143 h 565151"/>
                <a:gd name="connsiteX11" fmla="*/ 3606800 w 3606800"/>
                <a:gd name="connsiteY11" fmla="*/ 565151 h 565151"/>
                <a:gd name="connsiteX0" fmla="*/ 0 w 3606800"/>
                <a:gd name="connsiteY0" fmla="*/ 441010 h 561660"/>
                <a:gd name="connsiteX1" fmla="*/ 320675 w 3606800"/>
                <a:gd name="connsiteY1" fmla="*/ 1 h 561660"/>
                <a:gd name="connsiteX2" fmla="*/ 427038 w 3606800"/>
                <a:gd name="connsiteY2" fmla="*/ 440359 h 561660"/>
                <a:gd name="connsiteX3" fmla="*/ 622300 w 3606800"/>
                <a:gd name="connsiteY3" fmla="*/ 339410 h 561660"/>
                <a:gd name="connsiteX4" fmla="*/ 854075 w 3606800"/>
                <a:gd name="connsiteY4" fmla="*/ 360377 h 561660"/>
                <a:gd name="connsiteX5" fmla="*/ 1073150 w 3606800"/>
                <a:gd name="connsiteY5" fmla="*/ 21910 h 561660"/>
                <a:gd name="connsiteX6" fmla="*/ 1258888 w 3606800"/>
                <a:gd name="connsiteY6" fmla="*/ 521027 h 561660"/>
                <a:gd name="connsiteX7" fmla="*/ 2085975 w 3606800"/>
                <a:gd name="connsiteY7" fmla="*/ 521969 h 561660"/>
                <a:gd name="connsiteX8" fmla="*/ 2890838 w 3606800"/>
                <a:gd name="connsiteY8" fmla="*/ 542936 h 561660"/>
                <a:gd name="connsiteX9" fmla="*/ 3181350 w 3606800"/>
                <a:gd name="connsiteY9" fmla="*/ 218760 h 561660"/>
                <a:gd name="connsiteX10" fmla="*/ 3357563 w 3606800"/>
                <a:gd name="connsiteY10" fmla="*/ 508652 h 561660"/>
                <a:gd name="connsiteX11" fmla="*/ 3606800 w 3606800"/>
                <a:gd name="connsiteY11" fmla="*/ 561660 h 561660"/>
                <a:gd name="connsiteX0" fmla="*/ 0 w 3606800"/>
                <a:gd name="connsiteY0" fmla="*/ 441010 h 576800"/>
                <a:gd name="connsiteX1" fmla="*/ 320675 w 3606800"/>
                <a:gd name="connsiteY1" fmla="*/ 1 h 576800"/>
                <a:gd name="connsiteX2" fmla="*/ 427038 w 3606800"/>
                <a:gd name="connsiteY2" fmla="*/ 440359 h 576800"/>
                <a:gd name="connsiteX3" fmla="*/ 622300 w 3606800"/>
                <a:gd name="connsiteY3" fmla="*/ 339410 h 576800"/>
                <a:gd name="connsiteX4" fmla="*/ 854075 w 3606800"/>
                <a:gd name="connsiteY4" fmla="*/ 360377 h 576800"/>
                <a:gd name="connsiteX5" fmla="*/ 1073150 w 3606800"/>
                <a:gd name="connsiteY5" fmla="*/ 21910 h 576800"/>
                <a:gd name="connsiteX6" fmla="*/ 1258888 w 3606800"/>
                <a:gd name="connsiteY6" fmla="*/ 521027 h 576800"/>
                <a:gd name="connsiteX7" fmla="*/ 2085975 w 3606800"/>
                <a:gd name="connsiteY7" fmla="*/ 521969 h 576800"/>
                <a:gd name="connsiteX8" fmla="*/ 2890838 w 3606800"/>
                <a:gd name="connsiteY8" fmla="*/ 542936 h 576800"/>
                <a:gd name="connsiteX9" fmla="*/ 3057525 w 3606800"/>
                <a:gd name="connsiteY9" fmla="*/ 9263 h 576800"/>
                <a:gd name="connsiteX10" fmla="*/ 3357563 w 3606800"/>
                <a:gd name="connsiteY10" fmla="*/ 508652 h 576800"/>
                <a:gd name="connsiteX11" fmla="*/ 3606800 w 3606800"/>
                <a:gd name="connsiteY11" fmla="*/ 561660 h 576800"/>
                <a:gd name="connsiteX0" fmla="*/ 0 w 3606800"/>
                <a:gd name="connsiteY0" fmla="*/ 441010 h 569463"/>
                <a:gd name="connsiteX1" fmla="*/ 320675 w 3606800"/>
                <a:gd name="connsiteY1" fmla="*/ 1 h 569463"/>
                <a:gd name="connsiteX2" fmla="*/ 427038 w 3606800"/>
                <a:gd name="connsiteY2" fmla="*/ 440359 h 569463"/>
                <a:gd name="connsiteX3" fmla="*/ 622300 w 3606800"/>
                <a:gd name="connsiteY3" fmla="*/ 339410 h 569463"/>
                <a:gd name="connsiteX4" fmla="*/ 854075 w 3606800"/>
                <a:gd name="connsiteY4" fmla="*/ 360377 h 569463"/>
                <a:gd name="connsiteX5" fmla="*/ 1073150 w 3606800"/>
                <a:gd name="connsiteY5" fmla="*/ 21910 h 569463"/>
                <a:gd name="connsiteX6" fmla="*/ 1258888 w 3606800"/>
                <a:gd name="connsiteY6" fmla="*/ 521027 h 569463"/>
                <a:gd name="connsiteX7" fmla="*/ 2085975 w 3606800"/>
                <a:gd name="connsiteY7" fmla="*/ 521969 h 569463"/>
                <a:gd name="connsiteX8" fmla="*/ 2738438 w 3606800"/>
                <a:gd name="connsiteY8" fmla="*/ 497545 h 569463"/>
                <a:gd name="connsiteX9" fmla="*/ 3057525 w 3606800"/>
                <a:gd name="connsiteY9" fmla="*/ 9263 h 569463"/>
                <a:gd name="connsiteX10" fmla="*/ 3357563 w 3606800"/>
                <a:gd name="connsiteY10" fmla="*/ 508652 h 569463"/>
                <a:gd name="connsiteX11" fmla="*/ 3606800 w 3606800"/>
                <a:gd name="connsiteY11" fmla="*/ 561660 h 569463"/>
                <a:gd name="connsiteX0" fmla="*/ 0 w 3606800"/>
                <a:gd name="connsiteY0" fmla="*/ 441593 h 570046"/>
                <a:gd name="connsiteX1" fmla="*/ 320675 w 3606800"/>
                <a:gd name="connsiteY1" fmla="*/ 584 h 570046"/>
                <a:gd name="connsiteX2" fmla="*/ 427038 w 3606800"/>
                <a:gd name="connsiteY2" fmla="*/ 440942 h 570046"/>
                <a:gd name="connsiteX3" fmla="*/ 622300 w 3606800"/>
                <a:gd name="connsiteY3" fmla="*/ 339993 h 570046"/>
                <a:gd name="connsiteX4" fmla="*/ 854075 w 3606800"/>
                <a:gd name="connsiteY4" fmla="*/ 360960 h 570046"/>
                <a:gd name="connsiteX5" fmla="*/ 1158875 w 3606800"/>
                <a:gd name="connsiteY5" fmla="*/ 1543 h 570046"/>
                <a:gd name="connsiteX6" fmla="*/ 1258888 w 3606800"/>
                <a:gd name="connsiteY6" fmla="*/ 521610 h 570046"/>
                <a:gd name="connsiteX7" fmla="*/ 2085975 w 3606800"/>
                <a:gd name="connsiteY7" fmla="*/ 522552 h 570046"/>
                <a:gd name="connsiteX8" fmla="*/ 2738438 w 3606800"/>
                <a:gd name="connsiteY8" fmla="*/ 498128 h 570046"/>
                <a:gd name="connsiteX9" fmla="*/ 3057525 w 3606800"/>
                <a:gd name="connsiteY9" fmla="*/ 9846 h 570046"/>
                <a:gd name="connsiteX10" fmla="*/ 3357563 w 3606800"/>
                <a:gd name="connsiteY10" fmla="*/ 509235 h 570046"/>
                <a:gd name="connsiteX11" fmla="*/ 3606800 w 3606800"/>
                <a:gd name="connsiteY11" fmla="*/ 562243 h 570046"/>
                <a:gd name="connsiteX0" fmla="*/ 0 w 3606800"/>
                <a:gd name="connsiteY0" fmla="*/ 441128 h 569581"/>
                <a:gd name="connsiteX1" fmla="*/ 320675 w 3606800"/>
                <a:gd name="connsiteY1" fmla="*/ 119 h 569581"/>
                <a:gd name="connsiteX2" fmla="*/ 427038 w 3606800"/>
                <a:gd name="connsiteY2" fmla="*/ 440477 h 569581"/>
                <a:gd name="connsiteX3" fmla="*/ 622300 w 3606800"/>
                <a:gd name="connsiteY3" fmla="*/ 339528 h 569581"/>
                <a:gd name="connsiteX4" fmla="*/ 854075 w 3606800"/>
                <a:gd name="connsiteY4" fmla="*/ 360495 h 569581"/>
                <a:gd name="connsiteX5" fmla="*/ 1158875 w 3606800"/>
                <a:gd name="connsiteY5" fmla="*/ 1078 h 569581"/>
                <a:gd name="connsiteX6" fmla="*/ 1468438 w 3606800"/>
                <a:gd name="connsiteY6" fmla="*/ 493212 h 569581"/>
                <a:gd name="connsiteX7" fmla="*/ 2085975 w 3606800"/>
                <a:gd name="connsiteY7" fmla="*/ 522087 h 569581"/>
                <a:gd name="connsiteX8" fmla="*/ 2738438 w 3606800"/>
                <a:gd name="connsiteY8" fmla="*/ 497663 h 569581"/>
                <a:gd name="connsiteX9" fmla="*/ 3057525 w 3606800"/>
                <a:gd name="connsiteY9" fmla="*/ 9381 h 569581"/>
                <a:gd name="connsiteX10" fmla="*/ 3357563 w 3606800"/>
                <a:gd name="connsiteY10" fmla="*/ 508770 h 569581"/>
                <a:gd name="connsiteX11" fmla="*/ 3606800 w 3606800"/>
                <a:gd name="connsiteY11" fmla="*/ 561778 h 569581"/>
                <a:gd name="connsiteX0" fmla="*/ 0 w 3606800"/>
                <a:gd name="connsiteY0" fmla="*/ 441010 h 569463"/>
                <a:gd name="connsiteX1" fmla="*/ 320675 w 3606800"/>
                <a:gd name="connsiteY1" fmla="*/ 1 h 569463"/>
                <a:gd name="connsiteX2" fmla="*/ 427038 w 3606800"/>
                <a:gd name="connsiteY2" fmla="*/ 440359 h 569463"/>
                <a:gd name="connsiteX3" fmla="*/ 622300 w 3606800"/>
                <a:gd name="connsiteY3" fmla="*/ 339410 h 569463"/>
                <a:gd name="connsiteX4" fmla="*/ 854075 w 3606800"/>
                <a:gd name="connsiteY4" fmla="*/ 360377 h 569463"/>
                <a:gd name="connsiteX5" fmla="*/ 1135062 w 3606800"/>
                <a:gd name="connsiteY5" fmla="*/ 4452 h 569463"/>
                <a:gd name="connsiteX6" fmla="*/ 1468438 w 3606800"/>
                <a:gd name="connsiteY6" fmla="*/ 493094 h 569463"/>
                <a:gd name="connsiteX7" fmla="*/ 2085975 w 3606800"/>
                <a:gd name="connsiteY7" fmla="*/ 521969 h 569463"/>
                <a:gd name="connsiteX8" fmla="*/ 2738438 w 3606800"/>
                <a:gd name="connsiteY8" fmla="*/ 497545 h 569463"/>
                <a:gd name="connsiteX9" fmla="*/ 3057525 w 3606800"/>
                <a:gd name="connsiteY9" fmla="*/ 9263 h 569463"/>
                <a:gd name="connsiteX10" fmla="*/ 3357563 w 3606800"/>
                <a:gd name="connsiteY10" fmla="*/ 508652 h 569463"/>
                <a:gd name="connsiteX11" fmla="*/ 3606800 w 3606800"/>
                <a:gd name="connsiteY11" fmla="*/ 561660 h 569463"/>
                <a:gd name="connsiteX0" fmla="*/ 0 w 3606800"/>
                <a:gd name="connsiteY0" fmla="*/ 437645 h 566098"/>
                <a:gd name="connsiteX1" fmla="*/ 292100 w 3606800"/>
                <a:gd name="connsiteY1" fmla="*/ 21077 h 566098"/>
                <a:gd name="connsiteX2" fmla="*/ 427038 w 3606800"/>
                <a:gd name="connsiteY2" fmla="*/ 436994 h 566098"/>
                <a:gd name="connsiteX3" fmla="*/ 622300 w 3606800"/>
                <a:gd name="connsiteY3" fmla="*/ 336045 h 566098"/>
                <a:gd name="connsiteX4" fmla="*/ 854075 w 3606800"/>
                <a:gd name="connsiteY4" fmla="*/ 357012 h 566098"/>
                <a:gd name="connsiteX5" fmla="*/ 1135062 w 3606800"/>
                <a:gd name="connsiteY5" fmla="*/ 1087 h 566098"/>
                <a:gd name="connsiteX6" fmla="*/ 1468438 w 3606800"/>
                <a:gd name="connsiteY6" fmla="*/ 489729 h 566098"/>
                <a:gd name="connsiteX7" fmla="*/ 2085975 w 3606800"/>
                <a:gd name="connsiteY7" fmla="*/ 518604 h 566098"/>
                <a:gd name="connsiteX8" fmla="*/ 2738438 w 3606800"/>
                <a:gd name="connsiteY8" fmla="*/ 494180 h 566098"/>
                <a:gd name="connsiteX9" fmla="*/ 3057525 w 3606800"/>
                <a:gd name="connsiteY9" fmla="*/ 5898 h 566098"/>
                <a:gd name="connsiteX10" fmla="*/ 3357563 w 3606800"/>
                <a:gd name="connsiteY10" fmla="*/ 505287 h 566098"/>
                <a:gd name="connsiteX11" fmla="*/ 3606800 w 3606800"/>
                <a:gd name="connsiteY11" fmla="*/ 558295 h 566098"/>
                <a:gd name="connsiteX0" fmla="*/ 0 w 3606800"/>
                <a:gd name="connsiteY0" fmla="*/ 437645 h 566098"/>
                <a:gd name="connsiteX1" fmla="*/ 292100 w 3606800"/>
                <a:gd name="connsiteY1" fmla="*/ 21077 h 566098"/>
                <a:gd name="connsiteX2" fmla="*/ 460375 w 3606800"/>
                <a:gd name="connsiteY2" fmla="*/ 436994 h 566098"/>
                <a:gd name="connsiteX3" fmla="*/ 622300 w 3606800"/>
                <a:gd name="connsiteY3" fmla="*/ 336045 h 566098"/>
                <a:gd name="connsiteX4" fmla="*/ 854075 w 3606800"/>
                <a:gd name="connsiteY4" fmla="*/ 357012 h 566098"/>
                <a:gd name="connsiteX5" fmla="*/ 1135062 w 3606800"/>
                <a:gd name="connsiteY5" fmla="*/ 1087 h 566098"/>
                <a:gd name="connsiteX6" fmla="*/ 1468438 w 3606800"/>
                <a:gd name="connsiteY6" fmla="*/ 489729 h 566098"/>
                <a:gd name="connsiteX7" fmla="*/ 2085975 w 3606800"/>
                <a:gd name="connsiteY7" fmla="*/ 518604 h 566098"/>
                <a:gd name="connsiteX8" fmla="*/ 2738438 w 3606800"/>
                <a:gd name="connsiteY8" fmla="*/ 494180 h 566098"/>
                <a:gd name="connsiteX9" fmla="*/ 3057525 w 3606800"/>
                <a:gd name="connsiteY9" fmla="*/ 5898 h 566098"/>
                <a:gd name="connsiteX10" fmla="*/ 3357563 w 3606800"/>
                <a:gd name="connsiteY10" fmla="*/ 505287 h 566098"/>
                <a:gd name="connsiteX11" fmla="*/ 3606800 w 3606800"/>
                <a:gd name="connsiteY11" fmla="*/ 558295 h 566098"/>
                <a:gd name="connsiteX0" fmla="*/ 0 w 3606800"/>
                <a:gd name="connsiteY0" fmla="*/ 437645 h 566098"/>
                <a:gd name="connsiteX1" fmla="*/ 311150 w 3606800"/>
                <a:gd name="connsiteY1" fmla="*/ 31552 h 566098"/>
                <a:gd name="connsiteX2" fmla="*/ 460375 w 3606800"/>
                <a:gd name="connsiteY2" fmla="*/ 436994 h 566098"/>
                <a:gd name="connsiteX3" fmla="*/ 622300 w 3606800"/>
                <a:gd name="connsiteY3" fmla="*/ 336045 h 566098"/>
                <a:gd name="connsiteX4" fmla="*/ 854075 w 3606800"/>
                <a:gd name="connsiteY4" fmla="*/ 357012 h 566098"/>
                <a:gd name="connsiteX5" fmla="*/ 1135062 w 3606800"/>
                <a:gd name="connsiteY5" fmla="*/ 1087 h 566098"/>
                <a:gd name="connsiteX6" fmla="*/ 1468438 w 3606800"/>
                <a:gd name="connsiteY6" fmla="*/ 489729 h 566098"/>
                <a:gd name="connsiteX7" fmla="*/ 2085975 w 3606800"/>
                <a:gd name="connsiteY7" fmla="*/ 518604 h 566098"/>
                <a:gd name="connsiteX8" fmla="*/ 2738438 w 3606800"/>
                <a:gd name="connsiteY8" fmla="*/ 494180 h 566098"/>
                <a:gd name="connsiteX9" fmla="*/ 3057525 w 3606800"/>
                <a:gd name="connsiteY9" fmla="*/ 5898 h 566098"/>
                <a:gd name="connsiteX10" fmla="*/ 3357563 w 3606800"/>
                <a:gd name="connsiteY10" fmla="*/ 505287 h 566098"/>
                <a:gd name="connsiteX11" fmla="*/ 3606800 w 3606800"/>
                <a:gd name="connsiteY11" fmla="*/ 558295 h 566098"/>
                <a:gd name="connsiteX0" fmla="*/ 0 w 3606800"/>
                <a:gd name="connsiteY0" fmla="*/ 437645 h 566098"/>
                <a:gd name="connsiteX1" fmla="*/ 311150 w 3606800"/>
                <a:gd name="connsiteY1" fmla="*/ 7111 h 566098"/>
                <a:gd name="connsiteX2" fmla="*/ 460375 w 3606800"/>
                <a:gd name="connsiteY2" fmla="*/ 436994 h 566098"/>
                <a:gd name="connsiteX3" fmla="*/ 622300 w 3606800"/>
                <a:gd name="connsiteY3" fmla="*/ 336045 h 566098"/>
                <a:gd name="connsiteX4" fmla="*/ 854075 w 3606800"/>
                <a:gd name="connsiteY4" fmla="*/ 357012 h 566098"/>
                <a:gd name="connsiteX5" fmla="*/ 1135062 w 3606800"/>
                <a:gd name="connsiteY5" fmla="*/ 1087 h 566098"/>
                <a:gd name="connsiteX6" fmla="*/ 1468438 w 3606800"/>
                <a:gd name="connsiteY6" fmla="*/ 489729 h 566098"/>
                <a:gd name="connsiteX7" fmla="*/ 2085975 w 3606800"/>
                <a:gd name="connsiteY7" fmla="*/ 518604 h 566098"/>
                <a:gd name="connsiteX8" fmla="*/ 2738438 w 3606800"/>
                <a:gd name="connsiteY8" fmla="*/ 494180 h 566098"/>
                <a:gd name="connsiteX9" fmla="*/ 3057525 w 3606800"/>
                <a:gd name="connsiteY9" fmla="*/ 5898 h 566098"/>
                <a:gd name="connsiteX10" fmla="*/ 3357563 w 3606800"/>
                <a:gd name="connsiteY10" fmla="*/ 505287 h 566098"/>
                <a:gd name="connsiteX11" fmla="*/ 3606800 w 3606800"/>
                <a:gd name="connsiteY11" fmla="*/ 558295 h 566098"/>
                <a:gd name="connsiteX0" fmla="*/ 0 w 3606800"/>
                <a:gd name="connsiteY0" fmla="*/ 437645 h 566098"/>
                <a:gd name="connsiteX1" fmla="*/ 301625 w 3606800"/>
                <a:gd name="connsiteY1" fmla="*/ 14094 h 566098"/>
                <a:gd name="connsiteX2" fmla="*/ 460375 w 3606800"/>
                <a:gd name="connsiteY2" fmla="*/ 436994 h 566098"/>
                <a:gd name="connsiteX3" fmla="*/ 622300 w 3606800"/>
                <a:gd name="connsiteY3" fmla="*/ 336045 h 566098"/>
                <a:gd name="connsiteX4" fmla="*/ 854075 w 3606800"/>
                <a:gd name="connsiteY4" fmla="*/ 357012 h 566098"/>
                <a:gd name="connsiteX5" fmla="*/ 1135062 w 3606800"/>
                <a:gd name="connsiteY5" fmla="*/ 1087 h 566098"/>
                <a:gd name="connsiteX6" fmla="*/ 1468438 w 3606800"/>
                <a:gd name="connsiteY6" fmla="*/ 489729 h 566098"/>
                <a:gd name="connsiteX7" fmla="*/ 2085975 w 3606800"/>
                <a:gd name="connsiteY7" fmla="*/ 518604 h 566098"/>
                <a:gd name="connsiteX8" fmla="*/ 2738438 w 3606800"/>
                <a:gd name="connsiteY8" fmla="*/ 494180 h 566098"/>
                <a:gd name="connsiteX9" fmla="*/ 3057525 w 3606800"/>
                <a:gd name="connsiteY9" fmla="*/ 5898 h 566098"/>
                <a:gd name="connsiteX10" fmla="*/ 3357563 w 3606800"/>
                <a:gd name="connsiteY10" fmla="*/ 505287 h 566098"/>
                <a:gd name="connsiteX11" fmla="*/ 3606800 w 3606800"/>
                <a:gd name="connsiteY11" fmla="*/ 558295 h 566098"/>
                <a:gd name="connsiteX0" fmla="*/ 0 w 3606800"/>
                <a:gd name="connsiteY0" fmla="*/ 437645 h 566098"/>
                <a:gd name="connsiteX1" fmla="*/ 301625 w 3606800"/>
                <a:gd name="connsiteY1" fmla="*/ 14094 h 566098"/>
                <a:gd name="connsiteX2" fmla="*/ 460375 w 3606800"/>
                <a:gd name="connsiteY2" fmla="*/ 436994 h 566098"/>
                <a:gd name="connsiteX3" fmla="*/ 622300 w 3606800"/>
                <a:gd name="connsiteY3" fmla="*/ 336045 h 566098"/>
                <a:gd name="connsiteX4" fmla="*/ 854075 w 3606800"/>
                <a:gd name="connsiteY4" fmla="*/ 357012 h 566098"/>
                <a:gd name="connsiteX5" fmla="*/ 1135062 w 3606800"/>
                <a:gd name="connsiteY5" fmla="*/ 1087 h 566098"/>
                <a:gd name="connsiteX6" fmla="*/ 1468438 w 3606800"/>
                <a:gd name="connsiteY6" fmla="*/ 489729 h 566098"/>
                <a:gd name="connsiteX7" fmla="*/ 2085975 w 3606800"/>
                <a:gd name="connsiteY7" fmla="*/ 518604 h 566098"/>
                <a:gd name="connsiteX8" fmla="*/ 2738438 w 3606800"/>
                <a:gd name="connsiteY8" fmla="*/ 494180 h 566098"/>
                <a:gd name="connsiteX9" fmla="*/ 3057525 w 3606800"/>
                <a:gd name="connsiteY9" fmla="*/ 5898 h 566098"/>
                <a:gd name="connsiteX10" fmla="*/ 3357563 w 3606800"/>
                <a:gd name="connsiteY10" fmla="*/ 505287 h 566098"/>
                <a:gd name="connsiteX11" fmla="*/ 3606800 w 3606800"/>
                <a:gd name="connsiteY11" fmla="*/ 558295 h 566098"/>
                <a:gd name="connsiteX0" fmla="*/ 0 w 3606800"/>
                <a:gd name="connsiteY0" fmla="*/ 437645 h 566098"/>
                <a:gd name="connsiteX1" fmla="*/ 301625 w 3606800"/>
                <a:gd name="connsiteY1" fmla="*/ 14094 h 566098"/>
                <a:gd name="connsiteX2" fmla="*/ 474663 w 3606800"/>
                <a:gd name="connsiteY2" fmla="*/ 440486 h 566098"/>
                <a:gd name="connsiteX3" fmla="*/ 622300 w 3606800"/>
                <a:gd name="connsiteY3" fmla="*/ 336045 h 566098"/>
                <a:gd name="connsiteX4" fmla="*/ 854075 w 3606800"/>
                <a:gd name="connsiteY4" fmla="*/ 357012 h 566098"/>
                <a:gd name="connsiteX5" fmla="*/ 1135062 w 3606800"/>
                <a:gd name="connsiteY5" fmla="*/ 1087 h 566098"/>
                <a:gd name="connsiteX6" fmla="*/ 1468438 w 3606800"/>
                <a:gd name="connsiteY6" fmla="*/ 489729 h 566098"/>
                <a:gd name="connsiteX7" fmla="*/ 2085975 w 3606800"/>
                <a:gd name="connsiteY7" fmla="*/ 518604 h 566098"/>
                <a:gd name="connsiteX8" fmla="*/ 2738438 w 3606800"/>
                <a:gd name="connsiteY8" fmla="*/ 494180 h 566098"/>
                <a:gd name="connsiteX9" fmla="*/ 3057525 w 3606800"/>
                <a:gd name="connsiteY9" fmla="*/ 5898 h 566098"/>
                <a:gd name="connsiteX10" fmla="*/ 3357563 w 3606800"/>
                <a:gd name="connsiteY10" fmla="*/ 505287 h 566098"/>
                <a:gd name="connsiteX11" fmla="*/ 3606800 w 3606800"/>
                <a:gd name="connsiteY11" fmla="*/ 558295 h 566098"/>
                <a:gd name="connsiteX0" fmla="*/ 0 w 3606800"/>
                <a:gd name="connsiteY0" fmla="*/ 437645 h 566098"/>
                <a:gd name="connsiteX1" fmla="*/ 301625 w 3606800"/>
                <a:gd name="connsiteY1" fmla="*/ 14094 h 566098"/>
                <a:gd name="connsiteX2" fmla="*/ 474663 w 3606800"/>
                <a:gd name="connsiteY2" fmla="*/ 440486 h 566098"/>
                <a:gd name="connsiteX3" fmla="*/ 622300 w 3606800"/>
                <a:gd name="connsiteY3" fmla="*/ 336045 h 566098"/>
                <a:gd name="connsiteX4" fmla="*/ 854075 w 3606800"/>
                <a:gd name="connsiteY4" fmla="*/ 357012 h 566098"/>
                <a:gd name="connsiteX5" fmla="*/ 1154112 w 3606800"/>
                <a:gd name="connsiteY5" fmla="*/ 1087 h 566098"/>
                <a:gd name="connsiteX6" fmla="*/ 1468438 w 3606800"/>
                <a:gd name="connsiteY6" fmla="*/ 489729 h 566098"/>
                <a:gd name="connsiteX7" fmla="*/ 2085975 w 3606800"/>
                <a:gd name="connsiteY7" fmla="*/ 518604 h 566098"/>
                <a:gd name="connsiteX8" fmla="*/ 2738438 w 3606800"/>
                <a:gd name="connsiteY8" fmla="*/ 494180 h 566098"/>
                <a:gd name="connsiteX9" fmla="*/ 3057525 w 3606800"/>
                <a:gd name="connsiteY9" fmla="*/ 5898 h 566098"/>
                <a:gd name="connsiteX10" fmla="*/ 3357563 w 3606800"/>
                <a:gd name="connsiteY10" fmla="*/ 505287 h 566098"/>
                <a:gd name="connsiteX11" fmla="*/ 3606800 w 3606800"/>
                <a:gd name="connsiteY11" fmla="*/ 558295 h 566098"/>
                <a:gd name="connsiteX0" fmla="*/ 0 w 3606800"/>
                <a:gd name="connsiteY0" fmla="*/ 436562 h 565015"/>
                <a:gd name="connsiteX1" fmla="*/ 301625 w 3606800"/>
                <a:gd name="connsiteY1" fmla="*/ 13011 h 565015"/>
                <a:gd name="connsiteX2" fmla="*/ 474663 w 3606800"/>
                <a:gd name="connsiteY2" fmla="*/ 439403 h 565015"/>
                <a:gd name="connsiteX3" fmla="*/ 622300 w 3606800"/>
                <a:gd name="connsiteY3" fmla="*/ 334962 h 565015"/>
                <a:gd name="connsiteX4" fmla="*/ 854075 w 3606800"/>
                <a:gd name="connsiteY4" fmla="*/ 355929 h 565015"/>
                <a:gd name="connsiteX5" fmla="*/ 1154112 w 3606800"/>
                <a:gd name="connsiteY5" fmla="*/ 4 h 565015"/>
                <a:gd name="connsiteX6" fmla="*/ 1468438 w 3606800"/>
                <a:gd name="connsiteY6" fmla="*/ 488646 h 565015"/>
                <a:gd name="connsiteX7" fmla="*/ 2085975 w 3606800"/>
                <a:gd name="connsiteY7" fmla="*/ 517521 h 565015"/>
                <a:gd name="connsiteX8" fmla="*/ 2738438 w 3606800"/>
                <a:gd name="connsiteY8" fmla="*/ 493097 h 565015"/>
                <a:gd name="connsiteX9" fmla="*/ 3057525 w 3606800"/>
                <a:gd name="connsiteY9" fmla="*/ 4815 h 565015"/>
                <a:gd name="connsiteX10" fmla="*/ 3357563 w 3606800"/>
                <a:gd name="connsiteY10" fmla="*/ 504204 h 565015"/>
                <a:gd name="connsiteX11" fmla="*/ 3606800 w 3606800"/>
                <a:gd name="connsiteY11" fmla="*/ 557212 h 565015"/>
                <a:gd name="connsiteX0" fmla="*/ 0 w 3606800"/>
                <a:gd name="connsiteY0" fmla="*/ 436562 h 560473"/>
                <a:gd name="connsiteX1" fmla="*/ 301625 w 3606800"/>
                <a:gd name="connsiteY1" fmla="*/ 13011 h 560473"/>
                <a:gd name="connsiteX2" fmla="*/ 474663 w 3606800"/>
                <a:gd name="connsiteY2" fmla="*/ 439403 h 560473"/>
                <a:gd name="connsiteX3" fmla="*/ 622300 w 3606800"/>
                <a:gd name="connsiteY3" fmla="*/ 334962 h 560473"/>
                <a:gd name="connsiteX4" fmla="*/ 854075 w 3606800"/>
                <a:gd name="connsiteY4" fmla="*/ 355929 h 560473"/>
                <a:gd name="connsiteX5" fmla="*/ 1154112 w 3606800"/>
                <a:gd name="connsiteY5" fmla="*/ 4 h 560473"/>
                <a:gd name="connsiteX6" fmla="*/ 1468438 w 3606800"/>
                <a:gd name="connsiteY6" fmla="*/ 488646 h 560473"/>
                <a:gd name="connsiteX7" fmla="*/ 2085975 w 3606800"/>
                <a:gd name="connsiteY7" fmla="*/ 517521 h 560473"/>
                <a:gd name="connsiteX8" fmla="*/ 2738438 w 3606800"/>
                <a:gd name="connsiteY8" fmla="*/ 493097 h 560473"/>
                <a:gd name="connsiteX9" fmla="*/ 3057525 w 3606800"/>
                <a:gd name="connsiteY9" fmla="*/ 4815 h 560473"/>
                <a:gd name="connsiteX10" fmla="*/ 3357563 w 3606800"/>
                <a:gd name="connsiteY10" fmla="*/ 504204 h 560473"/>
                <a:gd name="connsiteX11" fmla="*/ 3606800 w 3606800"/>
                <a:gd name="connsiteY11" fmla="*/ 557212 h 560473"/>
                <a:gd name="connsiteX0" fmla="*/ 0 w 3606800"/>
                <a:gd name="connsiteY0" fmla="*/ 436562 h 557212"/>
                <a:gd name="connsiteX1" fmla="*/ 301625 w 3606800"/>
                <a:gd name="connsiteY1" fmla="*/ 13011 h 557212"/>
                <a:gd name="connsiteX2" fmla="*/ 474663 w 3606800"/>
                <a:gd name="connsiteY2" fmla="*/ 439403 h 557212"/>
                <a:gd name="connsiteX3" fmla="*/ 622300 w 3606800"/>
                <a:gd name="connsiteY3" fmla="*/ 334962 h 557212"/>
                <a:gd name="connsiteX4" fmla="*/ 854075 w 3606800"/>
                <a:gd name="connsiteY4" fmla="*/ 355929 h 557212"/>
                <a:gd name="connsiteX5" fmla="*/ 1154112 w 3606800"/>
                <a:gd name="connsiteY5" fmla="*/ 4 h 557212"/>
                <a:gd name="connsiteX6" fmla="*/ 1468438 w 3606800"/>
                <a:gd name="connsiteY6" fmla="*/ 488646 h 557212"/>
                <a:gd name="connsiteX7" fmla="*/ 2085975 w 3606800"/>
                <a:gd name="connsiteY7" fmla="*/ 517521 h 557212"/>
                <a:gd name="connsiteX8" fmla="*/ 2738438 w 3606800"/>
                <a:gd name="connsiteY8" fmla="*/ 493097 h 557212"/>
                <a:gd name="connsiteX9" fmla="*/ 3057525 w 3606800"/>
                <a:gd name="connsiteY9" fmla="*/ 4815 h 557212"/>
                <a:gd name="connsiteX10" fmla="*/ 3287713 w 3606800"/>
                <a:gd name="connsiteY10" fmla="*/ 345917 h 557212"/>
                <a:gd name="connsiteX11" fmla="*/ 3606800 w 3606800"/>
                <a:gd name="connsiteY11" fmla="*/ 557212 h 557212"/>
                <a:gd name="connsiteX0" fmla="*/ 0 w 3606800"/>
                <a:gd name="connsiteY0" fmla="*/ 436562 h 557212"/>
                <a:gd name="connsiteX1" fmla="*/ 301625 w 3606800"/>
                <a:gd name="connsiteY1" fmla="*/ 13011 h 557212"/>
                <a:gd name="connsiteX2" fmla="*/ 474663 w 3606800"/>
                <a:gd name="connsiteY2" fmla="*/ 439403 h 557212"/>
                <a:gd name="connsiteX3" fmla="*/ 622300 w 3606800"/>
                <a:gd name="connsiteY3" fmla="*/ 334962 h 557212"/>
                <a:gd name="connsiteX4" fmla="*/ 854075 w 3606800"/>
                <a:gd name="connsiteY4" fmla="*/ 355929 h 557212"/>
                <a:gd name="connsiteX5" fmla="*/ 1154112 w 3606800"/>
                <a:gd name="connsiteY5" fmla="*/ 4 h 557212"/>
                <a:gd name="connsiteX6" fmla="*/ 1468438 w 3606800"/>
                <a:gd name="connsiteY6" fmla="*/ 488646 h 557212"/>
                <a:gd name="connsiteX7" fmla="*/ 2085975 w 3606800"/>
                <a:gd name="connsiteY7" fmla="*/ 517521 h 557212"/>
                <a:gd name="connsiteX8" fmla="*/ 2738438 w 3606800"/>
                <a:gd name="connsiteY8" fmla="*/ 493097 h 557212"/>
                <a:gd name="connsiteX9" fmla="*/ 3057525 w 3606800"/>
                <a:gd name="connsiteY9" fmla="*/ 4815 h 557212"/>
                <a:gd name="connsiteX10" fmla="*/ 3287713 w 3606800"/>
                <a:gd name="connsiteY10" fmla="*/ 345917 h 557212"/>
                <a:gd name="connsiteX11" fmla="*/ 3606800 w 3606800"/>
                <a:gd name="connsiteY11" fmla="*/ 557212 h 557212"/>
                <a:gd name="connsiteX0" fmla="*/ 0 w 3606800"/>
                <a:gd name="connsiteY0" fmla="*/ 436562 h 557212"/>
                <a:gd name="connsiteX1" fmla="*/ 301625 w 3606800"/>
                <a:gd name="connsiteY1" fmla="*/ 13011 h 557212"/>
                <a:gd name="connsiteX2" fmla="*/ 474663 w 3606800"/>
                <a:gd name="connsiteY2" fmla="*/ 439403 h 557212"/>
                <a:gd name="connsiteX3" fmla="*/ 622300 w 3606800"/>
                <a:gd name="connsiteY3" fmla="*/ 334962 h 557212"/>
                <a:gd name="connsiteX4" fmla="*/ 854075 w 3606800"/>
                <a:gd name="connsiteY4" fmla="*/ 355929 h 557212"/>
                <a:gd name="connsiteX5" fmla="*/ 1154112 w 3606800"/>
                <a:gd name="connsiteY5" fmla="*/ 4 h 557212"/>
                <a:gd name="connsiteX6" fmla="*/ 1468438 w 3606800"/>
                <a:gd name="connsiteY6" fmla="*/ 488646 h 557212"/>
                <a:gd name="connsiteX7" fmla="*/ 2085975 w 3606800"/>
                <a:gd name="connsiteY7" fmla="*/ 517521 h 557212"/>
                <a:gd name="connsiteX8" fmla="*/ 2738438 w 3606800"/>
                <a:gd name="connsiteY8" fmla="*/ 493097 h 557212"/>
                <a:gd name="connsiteX9" fmla="*/ 3057525 w 3606800"/>
                <a:gd name="connsiteY9" fmla="*/ 4815 h 557212"/>
                <a:gd name="connsiteX10" fmla="*/ 3252788 w 3606800"/>
                <a:gd name="connsiteY10" fmla="*/ 376177 h 557212"/>
                <a:gd name="connsiteX11" fmla="*/ 3606800 w 3606800"/>
                <a:gd name="connsiteY11" fmla="*/ 557212 h 557212"/>
                <a:gd name="connsiteX0" fmla="*/ 27366 w 3634166"/>
                <a:gd name="connsiteY0" fmla="*/ 436562 h 557212"/>
                <a:gd name="connsiteX1" fmla="*/ 21016 w 3634166"/>
                <a:gd name="connsiteY1" fmla="*/ 439517 h 557212"/>
                <a:gd name="connsiteX2" fmla="*/ 328991 w 3634166"/>
                <a:gd name="connsiteY2" fmla="*/ 13011 h 557212"/>
                <a:gd name="connsiteX3" fmla="*/ 502029 w 3634166"/>
                <a:gd name="connsiteY3" fmla="*/ 439403 h 557212"/>
                <a:gd name="connsiteX4" fmla="*/ 649666 w 3634166"/>
                <a:gd name="connsiteY4" fmla="*/ 334962 h 557212"/>
                <a:gd name="connsiteX5" fmla="*/ 881441 w 3634166"/>
                <a:gd name="connsiteY5" fmla="*/ 355929 h 557212"/>
                <a:gd name="connsiteX6" fmla="*/ 1181478 w 3634166"/>
                <a:gd name="connsiteY6" fmla="*/ 4 h 557212"/>
                <a:gd name="connsiteX7" fmla="*/ 1495804 w 3634166"/>
                <a:gd name="connsiteY7" fmla="*/ 488646 h 557212"/>
                <a:gd name="connsiteX8" fmla="*/ 2113341 w 3634166"/>
                <a:gd name="connsiteY8" fmla="*/ 517521 h 557212"/>
                <a:gd name="connsiteX9" fmla="*/ 2765804 w 3634166"/>
                <a:gd name="connsiteY9" fmla="*/ 493097 h 557212"/>
                <a:gd name="connsiteX10" fmla="*/ 3084891 w 3634166"/>
                <a:gd name="connsiteY10" fmla="*/ 4815 h 557212"/>
                <a:gd name="connsiteX11" fmla="*/ 3280154 w 3634166"/>
                <a:gd name="connsiteY11" fmla="*/ 376177 h 557212"/>
                <a:gd name="connsiteX12" fmla="*/ 3634166 w 3634166"/>
                <a:gd name="connsiteY12" fmla="*/ 557212 h 557212"/>
                <a:gd name="connsiteX0" fmla="*/ 1766 w 3608566"/>
                <a:gd name="connsiteY0" fmla="*/ 436562 h 557212"/>
                <a:gd name="connsiteX1" fmla="*/ 39866 w 3608566"/>
                <a:gd name="connsiteY1" fmla="*/ 376668 h 557212"/>
                <a:gd name="connsiteX2" fmla="*/ 303391 w 3608566"/>
                <a:gd name="connsiteY2" fmla="*/ 13011 h 557212"/>
                <a:gd name="connsiteX3" fmla="*/ 476429 w 3608566"/>
                <a:gd name="connsiteY3" fmla="*/ 439403 h 557212"/>
                <a:gd name="connsiteX4" fmla="*/ 624066 w 3608566"/>
                <a:gd name="connsiteY4" fmla="*/ 334962 h 557212"/>
                <a:gd name="connsiteX5" fmla="*/ 855841 w 3608566"/>
                <a:gd name="connsiteY5" fmla="*/ 355929 h 557212"/>
                <a:gd name="connsiteX6" fmla="*/ 1155878 w 3608566"/>
                <a:gd name="connsiteY6" fmla="*/ 4 h 557212"/>
                <a:gd name="connsiteX7" fmla="*/ 1470204 w 3608566"/>
                <a:gd name="connsiteY7" fmla="*/ 488646 h 557212"/>
                <a:gd name="connsiteX8" fmla="*/ 2087741 w 3608566"/>
                <a:gd name="connsiteY8" fmla="*/ 517521 h 557212"/>
                <a:gd name="connsiteX9" fmla="*/ 2740204 w 3608566"/>
                <a:gd name="connsiteY9" fmla="*/ 493097 h 557212"/>
                <a:gd name="connsiteX10" fmla="*/ 3059291 w 3608566"/>
                <a:gd name="connsiteY10" fmla="*/ 4815 h 557212"/>
                <a:gd name="connsiteX11" fmla="*/ 3254554 w 3608566"/>
                <a:gd name="connsiteY11" fmla="*/ 376177 h 557212"/>
                <a:gd name="connsiteX12" fmla="*/ 3608566 w 3608566"/>
                <a:gd name="connsiteY12" fmla="*/ 557212 h 557212"/>
                <a:gd name="connsiteX0" fmla="*/ 2670 w 3606295"/>
                <a:gd name="connsiteY0" fmla="*/ 569244 h 569245"/>
                <a:gd name="connsiteX1" fmla="*/ 37595 w 3606295"/>
                <a:gd name="connsiteY1" fmla="*/ 376668 h 569245"/>
                <a:gd name="connsiteX2" fmla="*/ 301120 w 3606295"/>
                <a:gd name="connsiteY2" fmla="*/ 13011 h 569245"/>
                <a:gd name="connsiteX3" fmla="*/ 474158 w 3606295"/>
                <a:gd name="connsiteY3" fmla="*/ 439403 h 569245"/>
                <a:gd name="connsiteX4" fmla="*/ 621795 w 3606295"/>
                <a:gd name="connsiteY4" fmla="*/ 334962 h 569245"/>
                <a:gd name="connsiteX5" fmla="*/ 853570 w 3606295"/>
                <a:gd name="connsiteY5" fmla="*/ 355929 h 569245"/>
                <a:gd name="connsiteX6" fmla="*/ 1153607 w 3606295"/>
                <a:gd name="connsiteY6" fmla="*/ 4 h 569245"/>
                <a:gd name="connsiteX7" fmla="*/ 1467933 w 3606295"/>
                <a:gd name="connsiteY7" fmla="*/ 488646 h 569245"/>
                <a:gd name="connsiteX8" fmla="*/ 2085470 w 3606295"/>
                <a:gd name="connsiteY8" fmla="*/ 517521 h 569245"/>
                <a:gd name="connsiteX9" fmla="*/ 2737933 w 3606295"/>
                <a:gd name="connsiteY9" fmla="*/ 493097 h 569245"/>
                <a:gd name="connsiteX10" fmla="*/ 3057020 w 3606295"/>
                <a:gd name="connsiteY10" fmla="*/ 4815 h 569245"/>
                <a:gd name="connsiteX11" fmla="*/ 3252283 w 3606295"/>
                <a:gd name="connsiteY11" fmla="*/ 376177 h 569245"/>
                <a:gd name="connsiteX12" fmla="*/ 3606295 w 3606295"/>
                <a:gd name="connsiteY12" fmla="*/ 557212 h 569245"/>
                <a:gd name="connsiteX0" fmla="*/ 2670 w 3606295"/>
                <a:gd name="connsiteY0" fmla="*/ 527345 h 557212"/>
                <a:gd name="connsiteX1" fmla="*/ 37595 w 3606295"/>
                <a:gd name="connsiteY1" fmla="*/ 376668 h 557212"/>
                <a:gd name="connsiteX2" fmla="*/ 301120 w 3606295"/>
                <a:gd name="connsiteY2" fmla="*/ 13011 h 557212"/>
                <a:gd name="connsiteX3" fmla="*/ 474158 w 3606295"/>
                <a:gd name="connsiteY3" fmla="*/ 439403 h 557212"/>
                <a:gd name="connsiteX4" fmla="*/ 621795 w 3606295"/>
                <a:gd name="connsiteY4" fmla="*/ 334962 h 557212"/>
                <a:gd name="connsiteX5" fmla="*/ 853570 w 3606295"/>
                <a:gd name="connsiteY5" fmla="*/ 355929 h 557212"/>
                <a:gd name="connsiteX6" fmla="*/ 1153607 w 3606295"/>
                <a:gd name="connsiteY6" fmla="*/ 4 h 557212"/>
                <a:gd name="connsiteX7" fmla="*/ 1467933 w 3606295"/>
                <a:gd name="connsiteY7" fmla="*/ 488646 h 557212"/>
                <a:gd name="connsiteX8" fmla="*/ 2085470 w 3606295"/>
                <a:gd name="connsiteY8" fmla="*/ 517521 h 557212"/>
                <a:gd name="connsiteX9" fmla="*/ 2737933 w 3606295"/>
                <a:gd name="connsiteY9" fmla="*/ 493097 h 557212"/>
                <a:gd name="connsiteX10" fmla="*/ 3057020 w 3606295"/>
                <a:gd name="connsiteY10" fmla="*/ 4815 h 557212"/>
                <a:gd name="connsiteX11" fmla="*/ 3252283 w 3606295"/>
                <a:gd name="connsiteY11" fmla="*/ 376177 h 557212"/>
                <a:gd name="connsiteX12" fmla="*/ 3606295 w 3606295"/>
                <a:gd name="connsiteY12" fmla="*/ 557212 h 557212"/>
                <a:gd name="connsiteX0" fmla="*/ 1080 w 3611055"/>
                <a:gd name="connsiteY0" fmla="*/ 564589 h 564590"/>
                <a:gd name="connsiteX1" fmla="*/ 42355 w 3611055"/>
                <a:gd name="connsiteY1" fmla="*/ 376668 h 564590"/>
                <a:gd name="connsiteX2" fmla="*/ 305880 w 3611055"/>
                <a:gd name="connsiteY2" fmla="*/ 13011 h 564590"/>
                <a:gd name="connsiteX3" fmla="*/ 478918 w 3611055"/>
                <a:gd name="connsiteY3" fmla="*/ 439403 h 564590"/>
                <a:gd name="connsiteX4" fmla="*/ 626555 w 3611055"/>
                <a:gd name="connsiteY4" fmla="*/ 334962 h 564590"/>
                <a:gd name="connsiteX5" fmla="*/ 858330 w 3611055"/>
                <a:gd name="connsiteY5" fmla="*/ 355929 h 564590"/>
                <a:gd name="connsiteX6" fmla="*/ 1158367 w 3611055"/>
                <a:gd name="connsiteY6" fmla="*/ 4 h 564590"/>
                <a:gd name="connsiteX7" fmla="*/ 1472693 w 3611055"/>
                <a:gd name="connsiteY7" fmla="*/ 488646 h 564590"/>
                <a:gd name="connsiteX8" fmla="*/ 2090230 w 3611055"/>
                <a:gd name="connsiteY8" fmla="*/ 517521 h 564590"/>
                <a:gd name="connsiteX9" fmla="*/ 2742693 w 3611055"/>
                <a:gd name="connsiteY9" fmla="*/ 493097 h 564590"/>
                <a:gd name="connsiteX10" fmla="*/ 3061780 w 3611055"/>
                <a:gd name="connsiteY10" fmla="*/ 4815 h 564590"/>
                <a:gd name="connsiteX11" fmla="*/ 3257043 w 3611055"/>
                <a:gd name="connsiteY11" fmla="*/ 376177 h 564590"/>
                <a:gd name="connsiteX12" fmla="*/ 3611055 w 3611055"/>
                <a:gd name="connsiteY12" fmla="*/ 557212 h 564590"/>
                <a:gd name="connsiteX0" fmla="*/ 2670 w 3606295"/>
                <a:gd name="connsiteY0" fmla="*/ 550623 h 557212"/>
                <a:gd name="connsiteX1" fmla="*/ 37595 w 3606295"/>
                <a:gd name="connsiteY1" fmla="*/ 376668 h 557212"/>
                <a:gd name="connsiteX2" fmla="*/ 301120 w 3606295"/>
                <a:gd name="connsiteY2" fmla="*/ 13011 h 557212"/>
                <a:gd name="connsiteX3" fmla="*/ 474158 w 3606295"/>
                <a:gd name="connsiteY3" fmla="*/ 439403 h 557212"/>
                <a:gd name="connsiteX4" fmla="*/ 621795 w 3606295"/>
                <a:gd name="connsiteY4" fmla="*/ 334962 h 557212"/>
                <a:gd name="connsiteX5" fmla="*/ 853570 w 3606295"/>
                <a:gd name="connsiteY5" fmla="*/ 355929 h 557212"/>
                <a:gd name="connsiteX6" fmla="*/ 1153607 w 3606295"/>
                <a:gd name="connsiteY6" fmla="*/ 4 h 557212"/>
                <a:gd name="connsiteX7" fmla="*/ 1467933 w 3606295"/>
                <a:gd name="connsiteY7" fmla="*/ 488646 h 557212"/>
                <a:gd name="connsiteX8" fmla="*/ 2085470 w 3606295"/>
                <a:gd name="connsiteY8" fmla="*/ 517521 h 557212"/>
                <a:gd name="connsiteX9" fmla="*/ 2737933 w 3606295"/>
                <a:gd name="connsiteY9" fmla="*/ 493097 h 557212"/>
                <a:gd name="connsiteX10" fmla="*/ 3057020 w 3606295"/>
                <a:gd name="connsiteY10" fmla="*/ 4815 h 557212"/>
                <a:gd name="connsiteX11" fmla="*/ 3252283 w 3606295"/>
                <a:gd name="connsiteY11" fmla="*/ 376177 h 557212"/>
                <a:gd name="connsiteX12" fmla="*/ 3606295 w 3606295"/>
                <a:gd name="connsiteY12" fmla="*/ 557212 h 557212"/>
                <a:gd name="connsiteX0" fmla="*/ 3781 w 3604231"/>
                <a:gd name="connsiteY0" fmla="*/ 562262 h 562263"/>
                <a:gd name="connsiteX1" fmla="*/ 35531 w 3604231"/>
                <a:gd name="connsiteY1" fmla="*/ 376668 h 562263"/>
                <a:gd name="connsiteX2" fmla="*/ 299056 w 3604231"/>
                <a:gd name="connsiteY2" fmla="*/ 13011 h 562263"/>
                <a:gd name="connsiteX3" fmla="*/ 472094 w 3604231"/>
                <a:gd name="connsiteY3" fmla="*/ 439403 h 562263"/>
                <a:gd name="connsiteX4" fmla="*/ 619731 w 3604231"/>
                <a:gd name="connsiteY4" fmla="*/ 334962 h 562263"/>
                <a:gd name="connsiteX5" fmla="*/ 851506 w 3604231"/>
                <a:gd name="connsiteY5" fmla="*/ 355929 h 562263"/>
                <a:gd name="connsiteX6" fmla="*/ 1151543 w 3604231"/>
                <a:gd name="connsiteY6" fmla="*/ 4 h 562263"/>
                <a:gd name="connsiteX7" fmla="*/ 1465869 w 3604231"/>
                <a:gd name="connsiteY7" fmla="*/ 488646 h 562263"/>
                <a:gd name="connsiteX8" fmla="*/ 2083406 w 3604231"/>
                <a:gd name="connsiteY8" fmla="*/ 517521 h 562263"/>
                <a:gd name="connsiteX9" fmla="*/ 2735869 w 3604231"/>
                <a:gd name="connsiteY9" fmla="*/ 493097 h 562263"/>
                <a:gd name="connsiteX10" fmla="*/ 3054956 w 3604231"/>
                <a:gd name="connsiteY10" fmla="*/ 4815 h 562263"/>
                <a:gd name="connsiteX11" fmla="*/ 3250219 w 3604231"/>
                <a:gd name="connsiteY11" fmla="*/ 376177 h 562263"/>
                <a:gd name="connsiteX12" fmla="*/ 3604231 w 3604231"/>
                <a:gd name="connsiteY12" fmla="*/ 557212 h 562263"/>
                <a:gd name="connsiteX0" fmla="*/ 29837 w 3630287"/>
                <a:gd name="connsiteY0" fmla="*/ 562262 h 562264"/>
                <a:gd name="connsiteX1" fmla="*/ 20312 w 3630287"/>
                <a:gd name="connsiteY1" fmla="*/ 413912 h 562264"/>
                <a:gd name="connsiteX2" fmla="*/ 325112 w 3630287"/>
                <a:gd name="connsiteY2" fmla="*/ 13011 h 562264"/>
                <a:gd name="connsiteX3" fmla="*/ 498150 w 3630287"/>
                <a:gd name="connsiteY3" fmla="*/ 439403 h 562264"/>
                <a:gd name="connsiteX4" fmla="*/ 645787 w 3630287"/>
                <a:gd name="connsiteY4" fmla="*/ 334962 h 562264"/>
                <a:gd name="connsiteX5" fmla="*/ 877562 w 3630287"/>
                <a:gd name="connsiteY5" fmla="*/ 355929 h 562264"/>
                <a:gd name="connsiteX6" fmla="*/ 1177599 w 3630287"/>
                <a:gd name="connsiteY6" fmla="*/ 4 h 562264"/>
                <a:gd name="connsiteX7" fmla="*/ 1491925 w 3630287"/>
                <a:gd name="connsiteY7" fmla="*/ 488646 h 562264"/>
                <a:gd name="connsiteX8" fmla="*/ 2109462 w 3630287"/>
                <a:gd name="connsiteY8" fmla="*/ 517521 h 562264"/>
                <a:gd name="connsiteX9" fmla="*/ 2761925 w 3630287"/>
                <a:gd name="connsiteY9" fmla="*/ 493097 h 562264"/>
                <a:gd name="connsiteX10" fmla="*/ 3081012 w 3630287"/>
                <a:gd name="connsiteY10" fmla="*/ 4815 h 562264"/>
                <a:gd name="connsiteX11" fmla="*/ 3276275 w 3630287"/>
                <a:gd name="connsiteY11" fmla="*/ 376177 h 562264"/>
                <a:gd name="connsiteX12" fmla="*/ 3630287 w 3630287"/>
                <a:gd name="connsiteY12" fmla="*/ 557212 h 562264"/>
                <a:gd name="connsiteX0" fmla="*/ 9525 w 3609975"/>
                <a:gd name="connsiteY0" fmla="*/ 562262 h 562263"/>
                <a:gd name="connsiteX1" fmla="*/ 0 w 3609975"/>
                <a:gd name="connsiteY1" fmla="*/ 413912 h 562263"/>
                <a:gd name="connsiteX2" fmla="*/ 304800 w 3609975"/>
                <a:gd name="connsiteY2" fmla="*/ 13011 h 562263"/>
                <a:gd name="connsiteX3" fmla="*/ 477838 w 3609975"/>
                <a:gd name="connsiteY3" fmla="*/ 439403 h 562263"/>
                <a:gd name="connsiteX4" fmla="*/ 625475 w 3609975"/>
                <a:gd name="connsiteY4" fmla="*/ 334962 h 562263"/>
                <a:gd name="connsiteX5" fmla="*/ 857250 w 3609975"/>
                <a:gd name="connsiteY5" fmla="*/ 355929 h 562263"/>
                <a:gd name="connsiteX6" fmla="*/ 1157287 w 3609975"/>
                <a:gd name="connsiteY6" fmla="*/ 4 h 562263"/>
                <a:gd name="connsiteX7" fmla="*/ 1471613 w 3609975"/>
                <a:gd name="connsiteY7" fmla="*/ 488646 h 562263"/>
                <a:gd name="connsiteX8" fmla="*/ 2089150 w 3609975"/>
                <a:gd name="connsiteY8" fmla="*/ 517521 h 562263"/>
                <a:gd name="connsiteX9" fmla="*/ 2741613 w 3609975"/>
                <a:gd name="connsiteY9" fmla="*/ 493097 h 562263"/>
                <a:gd name="connsiteX10" fmla="*/ 3060700 w 3609975"/>
                <a:gd name="connsiteY10" fmla="*/ 4815 h 562263"/>
                <a:gd name="connsiteX11" fmla="*/ 3255963 w 3609975"/>
                <a:gd name="connsiteY11" fmla="*/ 376177 h 562263"/>
                <a:gd name="connsiteX12" fmla="*/ 3609975 w 3609975"/>
                <a:gd name="connsiteY12" fmla="*/ 557212 h 56226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3609975" h="562263">
                  <a:moveTo>
                    <a:pt x="9525" y="562262"/>
                  </a:moveTo>
                  <a:cubicBezTo>
                    <a:pt x="8467" y="562754"/>
                    <a:pt x="3704" y="442605"/>
                    <a:pt x="0" y="413912"/>
                  </a:cubicBezTo>
                  <a:cubicBezTo>
                    <a:pt x="50271" y="343320"/>
                    <a:pt x="225160" y="8763"/>
                    <a:pt x="304800" y="13011"/>
                  </a:cubicBezTo>
                  <a:cubicBezTo>
                    <a:pt x="384440" y="17259"/>
                    <a:pt x="405342" y="438120"/>
                    <a:pt x="477838" y="439403"/>
                  </a:cubicBezTo>
                  <a:cubicBezTo>
                    <a:pt x="550334" y="440686"/>
                    <a:pt x="562240" y="348874"/>
                    <a:pt x="625475" y="334962"/>
                  </a:cubicBezTo>
                  <a:cubicBezTo>
                    <a:pt x="688710" y="321050"/>
                    <a:pt x="768615" y="411755"/>
                    <a:pt x="857250" y="355929"/>
                  </a:cubicBezTo>
                  <a:cubicBezTo>
                    <a:pt x="945885" y="300103"/>
                    <a:pt x="1045368" y="-1166"/>
                    <a:pt x="1157287" y="4"/>
                  </a:cubicBezTo>
                  <a:cubicBezTo>
                    <a:pt x="1269206" y="1174"/>
                    <a:pt x="1316303" y="402393"/>
                    <a:pt x="1471613" y="488646"/>
                  </a:cubicBezTo>
                  <a:cubicBezTo>
                    <a:pt x="1626924" y="574899"/>
                    <a:pt x="1877483" y="516779"/>
                    <a:pt x="2089150" y="517521"/>
                  </a:cubicBezTo>
                  <a:cubicBezTo>
                    <a:pt x="2300817" y="518263"/>
                    <a:pt x="2579688" y="578548"/>
                    <a:pt x="2741613" y="493097"/>
                  </a:cubicBezTo>
                  <a:cubicBezTo>
                    <a:pt x="2903538" y="407646"/>
                    <a:pt x="2974975" y="24302"/>
                    <a:pt x="3060700" y="4815"/>
                  </a:cubicBezTo>
                  <a:cubicBezTo>
                    <a:pt x="3146425" y="-14672"/>
                    <a:pt x="3192992" y="228245"/>
                    <a:pt x="3255963" y="376177"/>
                  </a:cubicBezTo>
                  <a:cubicBezTo>
                    <a:pt x="3318934" y="524109"/>
                    <a:pt x="3460750" y="544515"/>
                    <a:pt x="3609975" y="557212"/>
                  </a:cubicBezTo>
                </a:path>
              </a:pathLst>
            </a:custGeom>
            <a:solidFill>
              <a:schemeClr val="accent5">
                <a:lumMod val="75000"/>
              </a:schemeClr>
            </a:solidFill>
            <a:ln w="25400">
              <a:solidFill>
                <a:schemeClr val="accent5">
                  <a:lumMod val="5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CH"/>
            </a:p>
          </p:txBody>
        </p:sp>
        <p:sp>
          <p:nvSpPr>
            <p:cNvPr id="68" name="TextBox 67"/>
            <p:cNvSpPr txBox="1"/>
            <p:nvPr/>
          </p:nvSpPr>
          <p:spPr>
            <a:xfrm>
              <a:off x="4307620" y="4330811"/>
              <a:ext cx="2948243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dirty="0" smtClean="0">
                  <a:latin typeface="Gentium Basic" panose="02000503060000020004" pitchFamily="2" charset="0"/>
                </a:rPr>
                <a:t>likelihood of correspondence</a:t>
              </a:r>
              <a:endParaRPr lang="de-CH" dirty="0">
                <a:latin typeface="Gentium Basic" panose="02000503060000020004" pitchFamily="2" charset="0"/>
              </a:endParaRPr>
            </a:p>
          </p:txBody>
        </p:sp>
      </p:grpSp>
      <p:cxnSp>
        <p:nvCxnSpPr>
          <p:cNvPr id="73" name="Straight Connector 72"/>
          <p:cNvCxnSpPr/>
          <p:nvPr/>
        </p:nvCxnSpPr>
        <p:spPr>
          <a:xfrm>
            <a:off x="7359241" y="3445230"/>
            <a:ext cx="0" cy="1939830"/>
          </a:xfrm>
          <a:prstGeom prst="line">
            <a:avLst/>
          </a:prstGeom>
          <a:ln w="25400">
            <a:solidFill>
              <a:schemeClr val="accent5">
                <a:lumMod val="60000"/>
                <a:lumOff val="40000"/>
              </a:schemeClr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" name="Straight Connector 69"/>
          <p:cNvCxnSpPr/>
          <p:nvPr/>
        </p:nvCxnSpPr>
        <p:spPr>
          <a:xfrm>
            <a:off x="5457281" y="3429960"/>
            <a:ext cx="0" cy="1939830"/>
          </a:xfrm>
          <a:prstGeom prst="line">
            <a:avLst/>
          </a:prstGeom>
          <a:ln w="25400">
            <a:solidFill>
              <a:schemeClr val="accent5">
                <a:lumMod val="60000"/>
                <a:lumOff val="40000"/>
              </a:schemeClr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" name="Straight Connector 71"/>
          <p:cNvCxnSpPr/>
          <p:nvPr/>
        </p:nvCxnSpPr>
        <p:spPr>
          <a:xfrm>
            <a:off x="4615180" y="3439127"/>
            <a:ext cx="0" cy="1939830"/>
          </a:xfrm>
          <a:prstGeom prst="line">
            <a:avLst/>
          </a:prstGeom>
          <a:ln w="25400">
            <a:solidFill>
              <a:schemeClr val="accent5">
                <a:lumMod val="60000"/>
                <a:lumOff val="40000"/>
              </a:schemeClr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15599765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path" presetSubtype="0" accel="50000" decel="5000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3.54167E-6 4.07407E-6 L -0.00117 -0.29098 " pathEditMode="relative" rAng="0" ptsTypes="AA">
                                      <p:cBhvr>
                                        <p:cTn id="6" dur="4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65" y="-14560"/>
                                    </p:animMotion>
                                  </p:childTnLst>
                                </p:cTn>
                              </p:par>
                              <p:par>
                                <p:cTn id="7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8" dur="400"/>
                                        <p:tgtEl>
                                          <p:spTgt spid="7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399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1" dur="400"/>
                                        <p:tgtEl>
                                          <p:spTgt spid="7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399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4" dur="400"/>
                                        <p:tgtEl>
                                          <p:spTgt spid="7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399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7" dur="500"/>
                                        <p:tgtEl>
                                          <p:spTgt spid="5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0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2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3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6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9" dur="500"/>
                                        <p:tgtEl>
                                          <p:spTgt spid="5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2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4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5" dur="500"/>
                                        <p:tgtEl>
                                          <p:spTgt spid="4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8" dur="500"/>
                                        <p:tgtEl>
                                          <p:spTgt spid="5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0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1" dur="500"/>
                                        <p:tgtEl>
                                          <p:spTgt spid="5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4" dur="500"/>
                                        <p:tgtEl>
                                          <p:spTgt spid="6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6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7" dur="500"/>
                                        <p:tgtEl>
                                          <p:spTgt spid="6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0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2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3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5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6" dur="5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animBg="1"/>
      <p:bldP spid="8" grpId="0" animBg="1"/>
      <p:bldP spid="10" grpId="0"/>
      <p:bldP spid="12" grpId="0" animBg="1"/>
      <p:bldP spid="14" grpId="0"/>
      <p:bldP spid="15" grpId="0" animBg="1"/>
      <p:bldP spid="48" grpId="0"/>
      <p:bldP spid="45" grpId="0" animBg="1"/>
      <p:bldP spid="56" grpId="0" animBg="1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1" name="Rectangle 30"/>
          <p:cNvSpPr/>
          <p:nvPr/>
        </p:nvSpPr>
        <p:spPr>
          <a:xfrm>
            <a:off x="524368" y="2707332"/>
            <a:ext cx="3600000" cy="1440000"/>
          </a:xfrm>
          <a:prstGeom prst="rect">
            <a:avLst/>
          </a:prstGeom>
        </p:spPr>
        <p:style>
          <a:lnRef idx="2">
            <a:schemeClr val="accent2"/>
          </a:lnRef>
          <a:fillRef idx="1002">
            <a:schemeClr val="lt2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32" name="Freeform 31"/>
          <p:cNvSpPr/>
          <p:nvPr/>
        </p:nvSpPr>
        <p:spPr>
          <a:xfrm>
            <a:off x="520743" y="3442899"/>
            <a:ext cx="3609975" cy="704433"/>
          </a:xfrm>
          <a:custGeom>
            <a:avLst/>
            <a:gdLst>
              <a:gd name="connsiteX0" fmla="*/ 0 w 3597275"/>
              <a:gd name="connsiteY0" fmla="*/ 1144701 h 1187485"/>
              <a:gd name="connsiteX1" fmla="*/ 479425 w 3597275"/>
              <a:gd name="connsiteY1" fmla="*/ 1141526 h 1187485"/>
              <a:gd name="connsiteX2" fmla="*/ 955675 w 3597275"/>
              <a:gd name="connsiteY2" fmla="*/ 674801 h 1187485"/>
              <a:gd name="connsiteX3" fmla="*/ 1200150 w 3597275"/>
              <a:gd name="connsiteY3" fmla="*/ 100126 h 1187485"/>
              <a:gd name="connsiteX4" fmla="*/ 1466850 w 3597275"/>
              <a:gd name="connsiteY4" fmla="*/ 55676 h 1187485"/>
              <a:gd name="connsiteX5" fmla="*/ 1730375 w 3597275"/>
              <a:gd name="connsiteY5" fmla="*/ 677976 h 1187485"/>
              <a:gd name="connsiteX6" fmla="*/ 2365375 w 3597275"/>
              <a:gd name="connsiteY6" fmla="*/ 998651 h 1187485"/>
              <a:gd name="connsiteX7" fmla="*/ 3597275 w 3597275"/>
              <a:gd name="connsiteY7" fmla="*/ 1170101 h 1187485"/>
              <a:gd name="connsiteX0" fmla="*/ 0 w 3597275"/>
              <a:gd name="connsiteY0" fmla="*/ 1144701 h 1170101"/>
              <a:gd name="connsiteX1" fmla="*/ 479425 w 3597275"/>
              <a:gd name="connsiteY1" fmla="*/ 1141526 h 1170101"/>
              <a:gd name="connsiteX2" fmla="*/ 955675 w 3597275"/>
              <a:gd name="connsiteY2" fmla="*/ 674801 h 1170101"/>
              <a:gd name="connsiteX3" fmla="*/ 1200150 w 3597275"/>
              <a:gd name="connsiteY3" fmla="*/ 100126 h 1170101"/>
              <a:gd name="connsiteX4" fmla="*/ 1466850 w 3597275"/>
              <a:gd name="connsiteY4" fmla="*/ 55676 h 1170101"/>
              <a:gd name="connsiteX5" fmla="*/ 1730375 w 3597275"/>
              <a:gd name="connsiteY5" fmla="*/ 677976 h 1170101"/>
              <a:gd name="connsiteX6" fmla="*/ 2365375 w 3597275"/>
              <a:gd name="connsiteY6" fmla="*/ 998651 h 1170101"/>
              <a:gd name="connsiteX7" fmla="*/ 3597275 w 3597275"/>
              <a:gd name="connsiteY7" fmla="*/ 1170101 h 1170101"/>
              <a:gd name="connsiteX0" fmla="*/ 0 w 3597275"/>
              <a:gd name="connsiteY0" fmla="*/ 1144701 h 1170101"/>
              <a:gd name="connsiteX1" fmla="*/ 469900 w 3597275"/>
              <a:gd name="connsiteY1" fmla="*/ 1093901 h 1170101"/>
              <a:gd name="connsiteX2" fmla="*/ 955675 w 3597275"/>
              <a:gd name="connsiteY2" fmla="*/ 674801 h 1170101"/>
              <a:gd name="connsiteX3" fmla="*/ 1200150 w 3597275"/>
              <a:gd name="connsiteY3" fmla="*/ 100126 h 1170101"/>
              <a:gd name="connsiteX4" fmla="*/ 1466850 w 3597275"/>
              <a:gd name="connsiteY4" fmla="*/ 55676 h 1170101"/>
              <a:gd name="connsiteX5" fmla="*/ 1730375 w 3597275"/>
              <a:gd name="connsiteY5" fmla="*/ 677976 h 1170101"/>
              <a:gd name="connsiteX6" fmla="*/ 2365375 w 3597275"/>
              <a:gd name="connsiteY6" fmla="*/ 998651 h 1170101"/>
              <a:gd name="connsiteX7" fmla="*/ 3597275 w 3597275"/>
              <a:gd name="connsiteY7" fmla="*/ 1170101 h 1170101"/>
              <a:gd name="connsiteX0" fmla="*/ 0 w 3597275"/>
              <a:gd name="connsiteY0" fmla="*/ 1176451 h 1191215"/>
              <a:gd name="connsiteX1" fmla="*/ 469900 w 3597275"/>
              <a:gd name="connsiteY1" fmla="*/ 1093901 h 1191215"/>
              <a:gd name="connsiteX2" fmla="*/ 955675 w 3597275"/>
              <a:gd name="connsiteY2" fmla="*/ 674801 h 1191215"/>
              <a:gd name="connsiteX3" fmla="*/ 1200150 w 3597275"/>
              <a:gd name="connsiteY3" fmla="*/ 100126 h 1191215"/>
              <a:gd name="connsiteX4" fmla="*/ 1466850 w 3597275"/>
              <a:gd name="connsiteY4" fmla="*/ 55676 h 1191215"/>
              <a:gd name="connsiteX5" fmla="*/ 1730375 w 3597275"/>
              <a:gd name="connsiteY5" fmla="*/ 677976 h 1191215"/>
              <a:gd name="connsiteX6" fmla="*/ 2365375 w 3597275"/>
              <a:gd name="connsiteY6" fmla="*/ 998651 h 1191215"/>
              <a:gd name="connsiteX7" fmla="*/ 3597275 w 3597275"/>
              <a:gd name="connsiteY7" fmla="*/ 1170101 h 1191215"/>
              <a:gd name="connsiteX0" fmla="*/ 0 w 3597275"/>
              <a:gd name="connsiteY0" fmla="*/ 1176451 h 1176451"/>
              <a:gd name="connsiteX1" fmla="*/ 469900 w 3597275"/>
              <a:gd name="connsiteY1" fmla="*/ 1093901 h 1176451"/>
              <a:gd name="connsiteX2" fmla="*/ 955675 w 3597275"/>
              <a:gd name="connsiteY2" fmla="*/ 674801 h 1176451"/>
              <a:gd name="connsiteX3" fmla="*/ 1200150 w 3597275"/>
              <a:gd name="connsiteY3" fmla="*/ 100126 h 1176451"/>
              <a:gd name="connsiteX4" fmla="*/ 1466850 w 3597275"/>
              <a:gd name="connsiteY4" fmla="*/ 55676 h 1176451"/>
              <a:gd name="connsiteX5" fmla="*/ 1730375 w 3597275"/>
              <a:gd name="connsiteY5" fmla="*/ 677976 h 1176451"/>
              <a:gd name="connsiteX6" fmla="*/ 2365375 w 3597275"/>
              <a:gd name="connsiteY6" fmla="*/ 998651 h 1176451"/>
              <a:gd name="connsiteX7" fmla="*/ 3597275 w 3597275"/>
              <a:gd name="connsiteY7" fmla="*/ 1170101 h 1176451"/>
              <a:gd name="connsiteX0" fmla="*/ 0 w 3597275"/>
              <a:gd name="connsiteY0" fmla="*/ 1176451 h 1176451"/>
              <a:gd name="connsiteX1" fmla="*/ 469900 w 3597275"/>
              <a:gd name="connsiteY1" fmla="*/ 1093901 h 1176451"/>
              <a:gd name="connsiteX2" fmla="*/ 955675 w 3597275"/>
              <a:gd name="connsiteY2" fmla="*/ 674801 h 1176451"/>
              <a:gd name="connsiteX3" fmla="*/ 1200150 w 3597275"/>
              <a:gd name="connsiteY3" fmla="*/ 100126 h 1176451"/>
              <a:gd name="connsiteX4" fmla="*/ 1466850 w 3597275"/>
              <a:gd name="connsiteY4" fmla="*/ 55676 h 1176451"/>
              <a:gd name="connsiteX5" fmla="*/ 1730375 w 3597275"/>
              <a:gd name="connsiteY5" fmla="*/ 677976 h 1176451"/>
              <a:gd name="connsiteX6" fmla="*/ 2365375 w 3597275"/>
              <a:gd name="connsiteY6" fmla="*/ 998651 h 1176451"/>
              <a:gd name="connsiteX7" fmla="*/ 3597275 w 3597275"/>
              <a:gd name="connsiteY7" fmla="*/ 1170101 h 1176451"/>
              <a:gd name="connsiteX0" fmla="*/ 0 w 3597275"/>
              <a:gd name="connsiteY0" fmla="*/ 1176451 h 1176451"/>
              <a:gd name="connsiteX1" fmla="*/ 469900 w 3597275"/>
              <a:gd name="connsiteY1" fmla="*/ 1093901 h 1176451"/>
              <a:gd name="connsiteX2" fmla="*/ 955675 w 3597275"/>
              <a:gd name="connsiteY2" fmla="*/ 674801 h 1176451"/>
              <a:gd name="connsiteX3" fmla="*/ 1200150 w 3597275"/>
              <a:gd name="connsiteY3" fmla="*/ 100126 h 1176451"/>
              <a:gd name="connsiteX4" fmla="*/ 1466850 w 3597275"/>
              <a:gd name="connsiteY4" fmla="*/ 55676 h 1176451"/>
              <a:gd name="connsiteX5" fmla="*/ 1730375 w 3597275"/>
              <a:gd name="connsiteY5" fmla="*/ 677976 h 1176451"/>
              <a:gd name="connsiteX6" fmla="*/ 2254250 w 3597275"/>
              <a:gd name="connsiteY6" fmla="*/ 1036751 h 1176451"/>
              <a:gd name="connsiteX7" fmla="*/ 3597275 w 3597275"/>
              <a:gd name="connsiteY7" fmla="*/ 1170101 h 1176451"/>
              <a:gd name="connsiteX0" fmla="*/ 0 w 3603625"/>
              <a:gd name="connsiteY0" fmla="*/ 1176451 h 1176451"/>
              <a:gd name="connsiteX1" fmla="*/ 469900 w 3603625"/>
              <a:gd name="connsiteY1" fmla="*/ 1093901 h 1176451"/>
              <a:gd name="connsiteX2" fmla="*/ 955675 w 3603625"/>
              <a:gd name="connsiteY2" fmla="*/ 674801 h 1176451"/>
              <a:gd name="connsiteX3" fmla="*/ 1200150 w 3603625"/>
              <a:gd name="connsiteY3" fmla="*/ 100126 h 1176451"/>
              <a:gd name="connsiteX4" fmla="*/ 1466850 w 3603625"/>
              <a:gd name="connsiteY4" fmla="*/ 55676 h 1176451"/>
              <a:gd name="connsiteX5" fmla="*/ 1730375 w 3603625"/>
              <a:gd name="connsiteY5" fmla="*/ 677976 h 1176451"/>
              <a:gd name="connsiteX6" fmla="*/ 2254250 w 3603625"/>
              <a:gd name="connsiteY6" fmla="*/ 1036751 h 1176451"/>
              <a:gd name="connsiteX7" fmla="*/ 3603625 w 3603625"/>
              <a:gd name="connsiteY7" fmla="*/ 1151051 h 1176451"/>
              <a:gd name="connsiteX0" fmla="*/ 0 w 3609975"/>
              <a:gd name="connsiteY0" fmla="*/ 1176451 h 1176451"/>
              <a:gd name="connsiteX1" fmla="*/ 469900 w 3609975"/>
              <a:gd name="connsiteY1" fmla="*/ 1093901 h 1176451"/>
              <a:gd name="connsiteX2" fmla="*/ 955675 w 3609975"/>
              <a:gd name="connsiteY2" fmla="*/ 674801 h 1176451"/>
              <a:gd name="connsiteX3" fmla="*/ 1200150 w 3609975"/>
              <a:gd name="connsiteY3" fmla="*/ 100126 h 1176451"/>
              <a:gd name="connsiteX4" fmla="*/ 1466850 w 3609975"/>
              <a:gd name="connsiteY4" fmla="*/ 55676 h 1176451"/>
              <a:gd name="connsiteX5" fmla="*/ 1730375 w 3609975"/>
              <a:gd name="connsiteY5" fmla="*/ 677976 h 1176451"/>
              <a:gd name="connsiteX6" fmla="*/ 2254250 w 3609975"/>
              <a:gd name="connsiteY6" fmla="*/ 1036751 h 1176451"/>
              <a:gd name="connsiteX7" fmla="*/ 3609975 w 3609975"/>
              <a:gd name="connsiteY7" fmla="*/ 1176451 h 1176451"/>
              <a:gd name="connsiteX0" fmla="*/ 0 w 3609975"/>
              <a:gd name="connsiteY0" fmla="*/ 1179504 h 1179504"/>
              <a:gd name="connsiteX1" fmla="*/ 469900 w 3609975"/>
              <a:gd name="connsiteY1" fmla="*/ 1096954 h 1179504"/>
              <a:gd name="connsiteX2" fmla="*/ 1034257 w 3609975"/>
              <a:gd name="connsiteY2" fmla="*/ 739766 h 1179504"/>
              <a:gd name="connsiteX3" fmla="*/ 1200150 w 3609975"/>
              <a:gd name="connsiteY3" fmla="*/ 103179 h 1179504"/>
              <a:gd name="connsiteX4" fmla="*/ 1466850 w 3609975"/>
              <a:gd name="connsiteY4" fmla="*/ 58729 h 1179504"/>
              <a:gd name="connsiteX5" fmla="*/ 1730375 w 3609975"/>
              <a:gd name="connsiteY5" fmla="*/ 681029 h 1179504"/>
              <a:gd name="connsiteX6" fmla="*/ 2254250 w 3609975"/>
              <a:gd name="connsiteY6" fmla="*/ 1039804 h 1179504"/>
              <a:gd name="connsiteX7" fmla="*/ 3609975 w 3609975"/>
              <a:gd name="connsiteY7" fmla="*/ 1179504 h 1179504"/>
              <a:gd name="connsiteX0" fmla="*/ 0 w 3609975"/>
              <a:gd name="connsiteY0" fmla="*/ 1184932 h 1184932"/>
              <a:gd name="connsiteX1" fmla="*/ 469900 w 3609975"/>
              <a:gd name="connsiteY1" fmla="*/ 1102382 h 1184932"/>
              <a:gd name="connsiteX2" fmla="*/ 1034257 w 3609975"/>
              <a:gd name="connsiteY2" fmla="*/ 745194 h 1184932"/>
              <a:gd name="connsiteX3" fmla="*/ 1200150 w 3609975"/>
              <a:gd name="connsiteY3" fmla="*/ 108607 h 1184932"/>
              <a:gd name="connsiteX4" fmla="*/ 1466850 w 3609975"/>
              <a:gd name="connsiteY4" fmla="*/ 64157 h 1184932"/>
              <a:gd name="connsiteX5" fmla="*/ 1632744 w 3609975"/>
              <a:gd name="connsiteY5" fmla="*/ 762657 h 1184932"/>
              <a:gd name="connsiteX6" fmla="*/ 2254250 w 3609975"/>
              <a:gd name="connsiteY6" fmla="*/ 1045232 h 1184932"/>
              <a:gd name="connsiteX7" fmla="*/ 3609975 w 3609975"/>
              <a:gd name="connsiteY7" fmla="*/ 1184932 h 1184932"/>
              <a:gd name="connsiteX0" fmla="*/ 0 w 3609975"/>
              <a:gd name="connsiteY0" fmla="*/ 1185614 h 1185614"/>
              <a:gd name="connsiteX1" fmla="*/ 469900 w 3609975"/>
              <a:gd name="connsiteY1" fmla="*/ 1103064 h 1185614"/>
              <a:gd name="connsiteX2" fmla="*/ 1034257 w 3609975"/>
              <a:gd name="connsiteY2" fmla="*/ 745876 h 1185614"/>
              <a:gd name="connsiteX3" fmla="*/ 1200150 w 3609975"/>
              <a:gd name="connsiteY3" fmla="*/ 109289 h 1185614"/>
              <a:gd name="connsiteX4" fmla="*/ 1466850 w 3609975"/>
              <a:gd name="connsiteY4" fmla="*/ 64839 h 1185614"/>
              <a:gd name="connsiteX5" fmla="*/ 1635126 w 3609975"/>
              <a:gd name="connsiteY5" fmla="*/ 772864 h 1185614"/>
              <a:gd name="connsiteX6" fmla="*/ 2254250 w 3609975"/>
              <a:gd name="connsiteY6" fmla="*/ 1045914 h 1185614"/>
              <a:gd name="connsiteX7" fmla="*/ 3609975 w 3609975"/>
              <a:gd name="connsiteY7" fmla="*/ 1185614 h 1185614"/>
              <a:gd name="connsiteX0" fmla="*/ 0 w 3609975"/>
              <a:gd name="connsiteY0" fmla="*/ 1164101 h 1164101"/>
              <a:gd name="connsiteX1" fmla="*/ 469900 w 3609975"/>
              <a:gd name="connsiteY1" fmla="*/ 1081551 h 1164101"/>
              <a:gd name="connsiteX2" fmla="*/ 1034257 w 3609975"/>
              <a:gd name="connsiteY2" fmla="*/ 724363 h 1164101"/>
              <a:gd name="connsiteX3" fmla="*/ 1200150 w 3609975"/>
              <a:gd name="connsiteY3" fmla="*/ 87776 h 1164101"/>
              <a:gd name="connsiteX4" fmla="*/ 1452562 w 3609975"/>
              <a:gd name="connsiteY4" fmla="*/ 76664 h 1164101"/>
              <a:gd name="connsiteX5" fmla="*/ 1635126 w 3609975"/>
              <a:gd name="connsiteY5" fmla="*/ 751351 h 1164101"/>
              <a:gd name="connsiteX6" fmla="*/ 2254250 w 3609975"/>
              <a:gd name="connsiteY6" fmla="*/ 1024401 h 1164101"/>
              <a:gd name="connsiteX7" fmla="*/ 3609975 w 3609975"/>
              <a:gd name="connsiteY7" fmla="*/ 1164101 h 1164101"/>
              <a:gd name="connsiteX0" fmla="*/ 0 w 3609975"/>
              <a:gd name="connsiteY0" fmla="*/ 1166995 h 1166995"/>
              <a:gd name="connsiteX1" fmla="*/ 469900 w 3609975"/>
              <a:gd name="connsiteY1" fmla="*/ 1084445 h 1166995"/>
              <a:gd name="connsiteX2" fmla="*/ 1034257 w 3609975"/>
              <a:gd name="connsiteY2" fmla="*/ 727257 h 1166995"/>
              <a:gd name="connsiteX3" fmla="*/ 1200150 w 3609975"/>
              <a:gd name="connsiteY3" fmla="*/ 90670 h 1166995"/>
              <a:gd name="connsiteX4" fmla="*/ 1452562 w 3609975"/>
              <a:gd name="connsiteY4" fmla="*/ 74795 h 1166995"/>
              <a:gd name="connsiteX5" fmla="*/ 1635126 w 3609975"/>
              <a:gd name="connsiteY5" fmla="*/ 754245 h 1166995"/>
              <a:gd name="connsiteX6" fmla="*/ 2254250 w 3609975"/>
              <a:gd name="connsiteY6" fmla="*/ 1027295 h 1166995"/>
              <a:gd name="connsiteX7" fmla="*/ 3609975 w 3609975"/>
              <a:gd name="connsiteY7" fmla="*/ 1166995 h 1166995"/>
              <a:gd name="connsiteX0" fmla="*/ 0 w 3609975"/>
              <a:gd name="connsiteY0" fmla="*/ 1166678 h 1166678"/>
              <a:gd name="connsiteX1" fmla="*/ 469900 w 3609975"/>
              <a:gd name="connsiteY1" fmla="*/ 1084128 h 1166678"/>
              <a:gd name="connsiteX2" fmla="*/ 1034257 w 3609975"/>
              <a:gd name="connsiteY2" fmla="*/ 726940 h 1166678"/>
              <a:gd name="connsiteX3" fmla="*/ 1200150 w 3609975"/>
              <a:gd name="connsiteY3" fmla="*/ 90353 h 1166678"/>
              <a:gd name="connsiteX4" fmla="*/ 1452562 w 3609975"/>
              <a:gd name="connsiteY4" fmla="*/ 74478 h 1166678"/>
              <a:gd name="connsiteX5" fmla="*/ 1749426 w 3609975"/>
              <a:gd name="connsiteY5" fmla="*/ 749166 h 1166678"/>
              <a:gd name="connsiteX6" fmla="*/ 2254250 w 3609975"/>
              <a:gd name="connsiteY6" fmla="*/ 1026978 h 1166678"/>
              <a:gd name="connsiteX7" fmla="*/ 3609975 w 3609975"/>
              <a:gd name="connsiteY7" fmla="*/ 1166678 h 1166678"/>
              <a:gd name="connsiteX0" fmla="*/ 0 w 3609975"/>
              <a:gd name="connsiteY0" fmla="*/ 1167409 h 1167409"/>
              <a:gd name="connsiteX1" fmla="*/ 469900 w 3609975"/>
              <a:gd name="connsiteY1" fmla="*/ 1084859 h 1167409"/>
              <a:gd name="connsiteX2" fmla="*/ 996157 w 3609975"/>
              <a:gd name="connsiteY2" fmla="*/ 740371 h 1167409"/>
              <a:gd name="connsiteX3" fmla="*/ 1200150 w 3609975"/>
              <a:gd name="connsiteY3" fmla="*/ 91084 h 1167409"/>
              <a:gd name="connsiteX4" fmla="*/ 1452562 w 3609975"/>
              <a:gd name="connsiteY4" fmla="*/ 75209 h 1167409"/>
              <a:gd name="connsiteX5" fmla="*/ 1749426 w 3609975"/>
              <a:gd name="connsiteY5" fmla="*/ 749897 h 1167409"/>
              <a:gd name="connsiteX6" fmla="*/ 2254250 w 3609975"/>
              <a:gd name="connsiteY6" fmla="*/ 1027709 h 1167409"/>
              <a:gd name="connsiteX7" fmla="*/ 3609975 w 3609975"/>
              <a:gd name="connsiteY7" fmla="*/ 1167409 h 1167409"/>
              <a:gd name="connsiteX0" fmla="*/ 0 w 3609975"/>
              <a:gd name="connsiteY0" fmla="*/ 1175941 h 1175941"/>
              <a:gd name="connsiteX1" fmla="*/ 469900 w 3609975"/>
              <a:gd name="connsiteY1" fmla="*/ 1093391 h 1175941"/>
              <a:gd name="connsiteX2" fmla="*/ 996157 w 3609975"/>
              <a:gd name="connsiteY2" fmla="*/ 748903 h 1175941"/>
              <a:gd name="connsiteX3" fmla="*/ 1225550 w 3609975"/>
              <a:gd name="connsiteY3" fmla="*/ 83741 h 1175941"/>
              <a:gd name="connsiteX4" fmla="*/ 1452562 w 3609975"/>
              <a:gd name="connsiteY4" fmla="*/ 83741 h 1175941"/>
              <a:gd name="connsiteX5" fmla="*/ 1749426 w 3609975"/>
              <a:gd name="connsiteY5" fmla="*/ 758429 h 1175941"/>
              <a:gd name="connsiteX6" fmla="*/ 2254250 w 3609975"/>
              <a:gd name="connsiteY6" fmla="*/ 1036241 h 1175941"/>
              <a:gd name="connsiteX7" fmla="*/ 3609975 w 3609975"/>
              <a:gd name="connsiteY7" fmla="*/ 1175941 h 1175941"/>
              <a:gd name="connsiteX0" fmla="*/ 0 w 3609975"/>
              <a:gd name="connsiteY0" fmla="*/ 1175941 h 1175941"/>
              <a:gd name="connsiteX1" fmla="*/ 469900 w 3609975"/>
              <a:gd name="connsiteY1" fmla="*/ 1093391 h 1175941"/>
              <a:gd name="connsiteX2" fmla="*/ 996157 w 3609975"/>
              <a:gd name="connsiteY2" fmla="*/ 748903 h 1175941"/>
              <a:gd name="connsiteX3" fmla="*/ 1225550 w 3609975"/>
              <a:gd name="connsiteY3" fmla="*/ 83741 h 1175941"/>
              <a:gd name="connsiteX4" fmla="*/ 1452562 w 3609975"/>
              <a:gd name="connsiteY4" fmla="*/ 83741 h 1175941"/>
              <a:gd name="connsiteX5" fmla="*/ 1749426 w 3609975"/>
              <a:gd name="connsiteY5" fmla="*/ 758429 h 1175941"/>
              <a:gd name="connsiteX6" fmla="*/ 1860506 w 3609975"/>
              <a:gd name="connsiteY6" fmla="*/ 877543 h 1175941"/>
              <a:gd name="connsiteX7" fmla="*/ 2254250 w 3609975"/>
              <a:gd name="connsiteY7" fmla="*/ 1036241 h 1175941"/>
              <a:gd name="connsiteX8" fmla="*/ 3609975 w 3609975"/>
              <a:gd name="connsiteY8" fmla="*/ 1175941 h 1175941"/>
              <a:gd name="connsiteX0" fmla="*/ 0 w 3609975"/>
              <a:gd name="connsiteY0" fmla="*/ 1175941 h 1175941"/>
              <a:gd name="connsiteX1" fmla="*/ 469900 w 3609975"/>
              <a:gd name="connsiteY1" fmla="*/ 1093391 h 1175941"/>
              <a:gd name="connsiteX2" fmla="*/ 996157 w 3609975"/>
              <a:gd name="connsiteY2" fmla="*/ 748903 h 1175941"/>
              <a:gd name="connsiteX3" fmla="*/ 1225550 w 3609975"/>
              <a:gd name="connsiteY3" fmla="*/ 83741 h 1175941"/>
              <a:gd name="connsiteX4" fmla="*/ 1452562 w 3609975"/>
              <a:gd name="connsiteY4" fmla="*/ 83741 h 1175941"/>
              <a:gd name="connsiteX5" fmla="*/ 1749426 w 3609975"/>
              <a:gd name="connsiteY5" fmla="*/ 758429 h 1175941"/>
              <a:gd name="connsiteX6" fmla="*/ 2028781 w 3609975"/>
              <a:gd name="connsiteY6" fmla="*/ 760068 h 1175941"/>
              <a:gd name="connsiteX7" fmla="*/ 2254250 w 3609975"/>
              <a:gd name="connsiteY7" fmla="*/ 1036241 h 1175941"/>
              <a:gd name="connsiteX8" fmla="*/ 3609975 w 3609975"/>
              <a:gd name="connsiteY8" fmla="*/ 1175941 h 1175941"/>
              <a:gd name="connsiteX0" fmla="*/ 0 w 3609975"/>
              <a:gd name="connsiteY0" fmla="*/ 1175941 h 1175941"/>
              <a:gd name="connsiteX1" fmla="*/ 469900 w 3609975"/>
              <a:gd name="connsiteY1" fmla="*/ 1093391 h 1175941"/>
              <a:gd name="connsiteX2" fmla="*/ 996157 w 3609975"/>
              <a:gd name="connsiteY2" fmla="*/ 748903 h 1175941"/>
              <a:gd name="connsiteX3" fmla="*/ 1225550 w 3609975"/>
              <a:gd name="connsiteY3" fmla="*/ 83741 h 1175941"/>
              <a:gd name="connsiteX4" fmla="*/ 1452562 w 3609975"/>
              <a:gd name="connsiteY4" fmla="*/ 83741 h 1175941"/>
              <a:gd name="connsiteX5" fmla="*/ 1749426 w 3609975"/>
              <a:gd name="connsiteY5" fmla="*/ 758429 h 1175941"/>
              <a:gd name="connsiteX6" fmla="*/ 2028781 w 3609975"/>
              <a:gd name="connsiteY6" fmla="*/ 760068 h 1175941"/>
              <a:gd name="connsiteX7" fmla="*/ 2254250 w 3609975"/>
              <a:gd name="connsiteY7" fmla="*/ 1036241 h 1175941"/>
              <a:gd name="connsiteX8" fmla="*/ 3609975 w 3609975"/>
              <a:gd name="connsiteY8" fmla="*/ 1175941 h 1175941"/>
              <a:gd name="connsiteX0" fmla="*/ 0 w 3609975"/>
              <a:gd name="connsiteY0" fmla="*/ 1184697 h 1184697"/>
              <a:gd name="connsiteX1" fmla="*/ 469900 w 3609975"/>
              <a:gd name="connsiteY1" fmla="*/ 1102147 h 1184697"/>
              <a:gd name="connsiteX2" fmla="*/ 996157 w 3609975"/>
              <a:gd name="connsiteY2" fmla="*/ 757659 h 1184697"/>
              <a:gd name="connsiteX3" fmla="*/ 1225550 w 3609975"/>
              <a:gd name="connsiteY3" fmla="*/ 92497 h 1184697"/>
              <a:gd name="connsiteX4" fmla="*/ 1452562 w 3609975"/>
              <a:gd name="connsiteY4" fmla="*/ 92497 h 1184697"/>
              <a:gd name="connsiteX5" fmla="*/ 1752601 w 3609975"/>
              <a:gd name="connsiteY5" fmla="*/ 903710 h 1184697"/>
              <a:gd name="connsiteX6" fmla="*/ 2028781 w 3609975"/>
              <a:gd name="connsiteY6" fmla="*/ 768824 h 1184697"/>
              <a:gd name="connsiteX7" fmla="*/ 2254250 w 3609975"/>
              <a:gd name="connsiteY7" fmla="*/ 1044997 h 1184697"/>
              <a:gd name="connsiteX8" fmla="*/ 3609975 w 3609975"/>
              <a:gd name="connsiteY8" fmla="*/ 1184697 h 1184697"/>
              <a:gd name="connsiteX0" fmla="*/ 0 w 3609975"/>
              <a:gd name="connsiteY0" fmla="*/ 1184697 h 1184697"/>
              <a:gd name="connsiteX1" fmla="*/ 469900 w 3609975"/>
              <a:gd name="connsiteY1" fmla="*/ 1102147 h 1184697"/>
              <a:gd name="connsiteX2" fmla="*/ 996157 w 3609975"/>
              <a:gd name="connsiteY2" fmla="*/ 757659 h 1184697"/>
              <a:gd name="connsiteX3" fmla="*/ 1225550 w 3609975"/>
              <a:gd name="connsiteY3" fmla="*/ 92497 h 1184697"/>
              <a:gd name="connsiteX4" fmla="*/ 1452562 w 3609975"/>
              <a:gd name="connsiteY4" fmla="*/ 92497 h 1184697"/>
              <a:gd name="connsiteX5" fmla="*/ 1752601 w 3609975"/>
              <a:gd name="connsiteY5" fmla="*/ 903710 h 1184697"/>
              <a:gd name="connsiteX6" fmla="*/ 2028781 w 3609975"/>
              <a:gd name="connsiteY6" fmla="*/ 768824 h 1184697"/>
              <a:gd name="connsiteX7" fmla="*/ 2254250 w 3609975"/>
              <a:gd name="connsiteY7" fmla="*/ 1044997 h 1184697"/>
              <a:gd name="connsiteX8" fmla="*/ 3609975 w 3609975"/>
              <a:gd name="connsiteY8" fmla="*/ 1184697 h 1184697"/>
              <a:gd name="connsiteX0" fmla="*/ 0 w 3609975"/>
              <a:gd name="connsiteY0" fmla="*/ 1184697 h 1184697"/>
              <a:gd name="connsiteX1" fmla="*/ 469900 w 3609975"/>
              <a:gd name="connsiteY1" fmla="*/ 1102147 h 1184697"/>
              <a:gd name="connsiteX2" fmla="*/ 996157 w 3609975"/>
              <a:gd name="connsiteY2" fmla="*/ 757659 h 1184697"/>
              <a:gd name="connsiteX3" fmla="*/ 1225550 w 3609975"/>
              <a:gd name="connsiteY3" fmla="*/ 92497 h 1184697"/>
              <a:gd name="connsiteX4" fmla="*/ 1452562 w 3609975"/>
              <a:gd name="connsiteY4" fmla="*/ 92497 h 1184697"/>
              <a:gd name="connsiteX5" fmla="*/ 1752601 w 3609975"/>
              <a:gd name="connsiteY5" fmla="*/ 903710 h 1184697"/>
              <a:gd name="connsiteX6" fmla="*/ 2028781 w 3609975"/>
              <a:gd name="connsiteY6" fmla="*/ 768824 h 1184697"/>
              <a:gd name="connsiteX7" fmla="*/ 2254250 w 3609975"/>
              <a:gd name="connsiteY7" fmla="*/ 1044997 h 1184697"/>
              <a:gd name="connsiteX8" fmla="*/ 3609975 w 3609975"/>
              <a:gd name="connsiteY8" fmla="*/ 1184697 h 1184697"/>
              <a:gd name="connsiteX0" fmla="*/ 0 w 3609975"/>
              <a:gd name="connsiteY0" fmla="*/ 1184697 h 1184697"/>
              <a:gd name="connsiteX1" fmla="*/ 469900 w 3609975"/>
              <a:gd name="connsiteY1" fmla="*/ 1102147 h 1184697"/>
              <a:gd name="connsiteX2" fmla="*/ 996157 w 3609975"/>
              <a:gd name="connsiteY2" fmla="*/ 757659 h 1184697"/>
              <a:gd name="connsiteX3" fmla="*/ 1225550 w 3609975"/>
              <a:gd name="connsiteY3" fmla="*/ 92497 h 1184697"/>
              <a:gd name="connsiteX4" fmla="*/ 1452562 w 3609975"/>
              <a:gd name="connsiteY4" fmla="*/ 92497 h 1184697"/>
              <a:gd name="connsiteX5" fmla="*/ 1752601 w 3609975"/>
              <a:gd name="connsiteY5" fmla="*/ 903710 h 1184697"/>
              <a:gd name="connsiteX6" fmla="*/ 2028781 w 3609975"/>
              <a:gd name="connsiteY6" fmla="*/ 768824 h 1184697"/>
              <a:gd name="connsiteX7" fmla="*/ 2409825 w 3609975"/>
              <a:gd name="connsiteY7" fmla="*/ 1064047 h 1184697"/>
              <a:gd name="connsiteX8" fmla="*/ 3609975 w 3609975"/>
              <a:gd name="connsiteY8" fmla="*/ 1184697 h 1184697"/>
              <a:gd name="connsiteX0" fmla="*/ 0 w 3609975"/>
              <a:gd name="connsiteY0" fmla="*/ 1184697 h 1184697"/>
              <a:gd name="connsiteX1" fmla="*/ 298450 w 3609975"/>
              <a:gd name="connsiteY1" fmla="*/ 1105322 h 1184697"/>
              <a:gd name="connsiteX2" fmla="*/ 996157 w 3609975"/>
              <a:gd name="connsiteY2" fmla="*/ 757659 h 1184697"/>
              <a:gd name="connsiteX3" fmla="*/ 1225550 w 3609975"/>
              <a:gd name="connsiteY3" fmla="*/ 92497 h 1184697"/>
              <a:gd name="connsiteX4" fmla="*/ 1452562 w 3609975"/>
              <a:gd name="connsiteY4" fmla="*/ 92497 h 1184697"/>
              <a:gd name="connsiteX5" fmla="*/ 1752601 w 3609975"/>
              <a:gd name="connsiteY5" fmla="*/ 903710 h 1184697"/>
              <a:gd name="connsiteX6" fmla="*/ 2028781 w 3609975"/>
              <a:gd name="connsiteY6" fmla="*/ 768824 h 1184697"/>
              <a:gd name="connsiteX7" fmla="*/ 2409825 w 3609975"/>
              <a:gd name="connsiteY7" fmla="*/ 1064047 h 1184697"/>
              <a:gd name="connsiteX8" fmla="*/ 3609975 w 3609975"/>
              <a:gd name="connsiteY8" fmla="*/ 1184697 h 1184697"/>
              <a:gd name="connsiteX0" fmla="*/ 0 w 3609975"/>
              <a:gd name="connsiteY0" fmla="*/ 1188318 h 1188318"/>
              <a:gd name="connsiteX1" fmla="*/ 298450 w 3609975"/>
              <a:gd name="connsiteY1" fmla="*/ 1108943 h 1188318"/>
              <a:gd name="connsiteX2" fmla="*/ 767557 w 3609975"/>
              <a:gd name="connsiteY2" fmla="*/ 821605 h 1188318"/>
              <a:gd name="connsiteX3" fmla="*/ 1225550 w 3609975"/>
              <a:gd name="connsiteY3" fmla="*/ 96118 h 1188318"/>
              <a:gd name="connsiteX4" fmla="*/ 1452562 w 3609975"/>
              <a:gd name="connsiteY4" fmla="*/ 96118 h 1188318"/>
              <a:gd name="connsiteX5" fmla="*/ 1752601 w 3609975"/>
              <a:gd name="connsiteY5" fmla="*/ 907331 h 1188318"/>
              <a:gd name="connsiteX6" fmla="*/ 2028781 w 3609975"/>
              <a:gd name="connsiteY6" fmla="*/ 772445 h 1188318"/>
              <a:gd name="connsiteX7" fmla="*/ 2409825 w 3609975"/>
              <a:gd name="connsiteY7" fmla="*/ 1067668 h 1188318"/>
              <a:gd name="connsiteX8" fmla="*/ 3609975 w 3609975"/>
              <a:gd name="connsiteY8" fmla="*/ 1188318 h 1188318"/>
              <a:gd name="connsiteX0" fmla="*/ 0 w 3609975"/>
              <a:gd name="connsiteY0" fmla="*/ 1100694 h 1100694"/>
              <a:gd name="connsiteX1" fmla="*/ 298450 w 3609975"/>
              <a:gd name="connsiteY1" fmla="*/ 1021319 h 1100694"/>
              <a:gd name="connsiteX2" fmla="*/ 767557 w 3609975"/>
              <a:gd name="connsiteY2" fmla="*/ 733981 h 1100694"/>
              <a:gd name="connsiteX3" fmla="*/ 1238250 w 3609975"/>
              <a:gd name="connsiteY3" fmla="*/ 414894 h 1100694"/>
              <a:gd name="connsiteX4" fmla="*/ 1452562 w 3609975"/>
              <a:gd name="connsiteY4" fmla="*/ 8494 h 1100694"/>
              <a:gd name="connsiteX5" fmla="*/ 1752601 w 3609975"/>
              <a:gd name="connsiteY5" fmla="*/ 819707 h 1100694"/>
              <a:gd name="connsiteX6" fmla="*/ 2028781 w 3609975"/>
              <a:gd name="connsiteY6" fmla="*/ 684821 h 1100694"/>
              <a:gd name="connsiteX7" fmla="*/ 2409825 w 3609975"/>
              <a:gd name="connsiteY7" fmla="*/ 980044 h 1100694"/>
              <a:gd name="connsiteX8" fmla="*/ 3609975 w 3609975"/>
              <a:gd name="connsiteY8" fmla="*/ 1100694 h 1100694"/>
              <a:gd name="connsiteX0" fmla="*/ 0 w 3609975"/>
              <a:gd name="connsiteY0" fmla="*/ 750263 h 750263"/>
              <a:gd name="connsiteX1" fmla="*/ 298450 w 3609975"/>
              <a:gd name="connsiteY1" fmla="*/ 670888 h 750263"/>
              <a:gd name="connsiteX2" fmla="*/ 767557 w 3609975"/>
              <a:gd name="connsiteY2" fmla="*/ 383550 h 750263"/>
              <a:gd name="connsiteX3" fmla="*/ 1238250 w 3609975"/>
              <a:gd name="connsiteY3" fmla="*/ 64463 h 750263"/>
              <a:gd name="connsiteX4" fmla="*/ 1604962 w 3609975"/>
              <a:gd name="connsiteY4" fmla="*/ 35888 h 750263"/>
              <a:gd name="connsiteX5" fmla="*/ 1752601 w 3609975"/>
              <a:gd name="connsiteY5" fmla="*/ 469276 h 750263"/>
              <a:gd name="connsiteX6" fmla="*/ 2028781 w 3609975"/>
              <a:gd name="connsiteY6" fmla="*/ 334390 h 750263"/>
              <a:gd name="connsiteX7" fmla="*/ 2409825 w 3609975"/>
              <a:gd name="connsiteY7" fmla="*/ 629613 h 750263"/>
              <a:gd name="connsiteX8" fmla="*/ 3609975 w 3609975"/>
              <a:gd name="connsiteY8" fmla="*/ 750263 h 750263"/>
              <a:gd name="connsiteX0" fmla="*/ 0 w 3609975"/>
              <a:gd name="connsiteY0" fmla="*/ 750263 h 750263"/>
              <a:gd name="connsiteX1" fmla="*/ 206375 w 3609975"/>
              <a:gd name="connsiteY1" fmla="*/ 677238 h 750263"/>
              <a:gd name="connsiteX2" fmla="*/ 767557 w 3609975"/>
              <a:gd name="connsiteY2" fmla="*/ 383550 h 750263"/>
              <a:gd name="connsiteX3" fmla="*/ 1238250 w 3609975"/>
              <a:gd name="connsiteY3" fmla="*/ 64463 h 750263"/>
              <a:gd name="connsiteX4" fmla="*/ 1604962 w 3609975"/>
              <a:gd name="connsiteY4" fmla="*/ 35888 h 750263"/>
              <a:gd name="connsiteX5" fmla="*/ 1752601 w 3609975"/>
              <a:gd name="connsiteY5" fmla="*/ 469276 h 750263"/>
              <a:gd name="connsiteX6" fmla="*/ 2028781 w 3609975"/>
              <a:gd name="connsiteY6" fmla="*/ 334390 h 750263"/>
              <a:gd name="connsiteX7" fmla="*/ 2409825 w 3609975"/>
              <a:gd name="connsiteY7" fmla="*/ 629613 h 750263"/>
              <a:gd name="connsiteX8" fmla="*/ 3609975 w 3609975"/>
              <a:gd name="connsiteY8" fmla="*/ 750263 h 750263"/>
              <a:gd name="connsiteX0" fmla="*/ 0 w 3609975"/>
              <a:gd name="connsiteY0" fmla="*/ 739180 h 739180"/>
              <a:gd name="connsiteX1" fmla="*/ 206375 w 3609975"/>
              <a:gd name="connsiteY1" fmla="*/ 666155 h 739180"/>
              <a:gd name="connsiteX2" fmla="*/ 767557 w 3609975"/>
              <a:gd name="connsiteY2" fmla="*/ 372467 h 739180"/>
              <a:gd name="connsiteX3" fmla="*/ 1238250 w 3609975"/>
              <a:gd name="connsiteY3" fmla="*/ 53380 h 739180"/>
              <a:gd name="connsiteX4" fmla="*/ 1604962 w 3609975"/>
              <a:gd name="connsiteY4" fmla="*/ 24805 h 739180"/>
              <a:gd name="connsiteX5" fmla="*/ 1758951 w 3609975"/>
              <a:gd name="connsiteY5" fmla="*/ 305793 h 739180"/>
              <a:gd name="connsiteX6" fmla="*/ 2028781 w 3609975"/>
              <a:gd name="connsiteY6" fmla="*/ 323307 h 739180"/>
              <a:gd name="connsiteX7" fmla="*/ 2409825 w 3609975"/>
              <a:gd name="connsiteY7" fmla="*/ 618530 h 739180"/>
              <a:gd name="connsiteX8" fmla="*/ 3609975 w 3609975"/>
              <a:gd name="connsiteY8" fmla="*/ 739180 h 739180"/>
              <a:gd name="connsiteX0" fmla="*/ 0 w 3609975"/>
              <a:gd name="connsiteY0" fmla="*/ 739180 h 739180"/>
              <a:gd name="connsiteX1" fmla="*/ 206375 w 3609975"/>
              <a:gd name="connsiteY1" fmla="*/ 666155 h 739180"/>
              <a:gd name="connsiteX2" fmla="*/ 767557 w 3609975"/>
              <a:gd name="connsiteY2" fmla="*/ 372467 h 739180"/>
              <a:gd name="connsiteX3" fmla="*/ 1238250 w 3609975"/>
              <a:gd name="connsiteY3" fmla="*/ 53380 h 739180"/>
              <a:gd name="connsiteX4" fmla="*/ 1604962 w 3609975"/>
              <a:gd name="connsiteY4" fmla="*/ 24805 h 739180"/>
              <a:gd name="connsiteX5" fmla="*/ 1758951 w 3609975"/>
              <a:gd name="connsiteY5" fmla="*/ 305793 h 739180"/>
              <a:gd name="connsiteX6" fmla="*/ 2085931 w 3609975"/>
              <a:gd name="connsiteY6" fmla="*/ 370932 h 739180"/>
              <a:gd name="connsiteX7" fmla="*/ 2409825 w 3609975"/>
              <a:gd name="connsiteY7" fmla="*/ 618530 h 739180"/>
              <a:gd name="connsiteX8" fmla="*/ 3609975 w 3609975"/>
              <a:gd name="connsiteY8" fmla="*/ 739180 h 739180"/>
              <a:gd name="connsiteX0" fmla="*/ 0 w 3609975"/>
              <a:gd name="connsiteY0" fmla="*/ 742625 h 742625"/>
              <a:gd name="connsiteX1" fmla="*/ 206375 w 3609975"/>
              <a:gd name="connsiteY1" fmla="*/ 669600 h 742625"/>
              <a:gd name="connsiteX2" fmla="*/ 767557 w 3609975"/>
              <a:gd name="connsiteY2" fmla="*/ 375912 h 742625"/>
              <a:gd name="connsiteX3" fmla="*/ 1238250 w 3609975"/>
              <a:gd name="connsiteY3" fmla="*/ 56825 h 742625"/>
              <a:gd name="connsiteX4" fmla="*/ 1604962 w 3609975"/>
              <a:gd name="connsiteY4" fmla="*/ 28250 h 742625"/>
              <a:gd name="connsiteX5" fmla="*/ 1809751 w 3609975"/>
              <a:gd name="connsiteY5" fmla="*/ 356863 h 742625"/>
              <a:gd name="connsiteX6" fmla="*/ 2085931 w 3609975"/>
              <a:gd name="connsiteY6" fmla="*/ 374377 h 742625"/>
              <a:gd name="connsiteX7" fmla="*/ 2409825 w 3609975"/>
              <a:gd name="connsiteY7" fmla="*/ 621975 h 742625"/>
              <a:gd name="connsiteX8" fmla="*/ 3609975 w 3609975"/>
              <a:gd name="connsiteY8" fmla="*/ 742625 h 742625"/>
              <a:gd name="connsiteX0" fmla="*/ 0 w 3609975"/>
              <a:gd name="connsiteY0" fmla="*/ 706826 h 706826"/>
              <a:gd name="connsiteX1" fmla="*/ 206375 w 3609975"/>
              <a:gd name="connsiteY1" fmla="*/ 633801 h 706826"/>
              <a:gd name="connsiteX2" fmla="*/ 767557 w 3609975"/>
              <a:gd name="connsiteY2" fmla="*/ 340113 h 706826"/>
              <a:gd name="connsiteX3" fmla="*/ 1238250 w 3609975"/>
              <a:gd name="connsiteY3" fmla="*/ 21026 h 706826"/>
              <a:gd name="connsiteX4" fmla="*/ 1579562 w 3609975"/>
              <a:gd name="connsiteY4" fmla="*/ 62301 h 706826"/>
              <a:gd name="connsiteX5" fmla="*/ 1809751 w 3609975"/>
              <a:gd name="connsiteY5" fmla="*/ 321064 h 706826"/>
              <a:gd name="connsiteX6" fmla="*/ 2085931 w 3609975"/>
              <a:gd name="connsiteY6" fmla="*/ 338578 h 706826"/>
              <a:gd name="connsiteX7" fmla="*/ 2409825 w 3609975"/>
              <a:gd name="connsiteY7" fmla="*/ 586176 h 706826"/>
              <a:gd name="connsiteX8" fmla="*/ 3609975 w 3609975"/>
              <a:gd name="connsiteY8" fmla="*/ 706826 h 706826"/>
              <a:gd name="connsiteX0" fmla="*/ 0 w 3609975"/>
              <a:gd name="connsiteY0" fmla="*/ 706826 h 706826"/>
              <a:gd name="connsiteX1" fmla="*/ 206375 w 3609975"/>
              <a:gd name="connsiteY1" fmla="*/ 633801 h 706826"/>
              <a:gd name="connsiteX2" fmla="*/ 767557 w 3609975"/>
              <a:gd name="connsiteY2" fmla="*/ 340113 h 706826"/>
              <a:gd name="connsiteX3" fmla="*/ 1238250 w 3609975"/>
              <a:gd name="connsiteY3" fmla="*/ 21026 h 706826"/>
              <a:gd name="connsiteX4" fmla="*/ 1579562 w 3609975"/>
              <a:gd name="connsiteY4" fmla="*/ 62301 h 706826"/>
              <a:gd name="connsiteX5" fmla="*/ 1809751 w 3609975"/>
              <a:gd name="connsiteY5" fmla="*/ 321064 h 706826"/>
              <a:gd name="connsiteX6" fmla="*/ 2085931 w 3609975"/>
              <a:gd name="connsiteY6" fmla="*/ 338578 h 706826"/>
              <a:gd name="connsiteX7" fmla="*/ 2492375 w 3609975"/>
              <a:gd name="connsiteY7" fmla="*/ 487751 h 706826"/>
              <a:gd name="connsiteX8" fmla="*/ 3609975 w 3609975"/>
              <a:gd name="connsiteY8" fmla="*/ 706826 h 706826"/>
              <a:gd name="connsiteX0" fmla="*/ 0 w 3609975"/>
              <a:gd name="connsiteY0" fmla="*/ 704674 h 704674"/>
              <a:gd name="connsiteX1" fmla="*/ 206375 w 3609975"/>
              <a:gd name="connsiteY1" fmla="*/ 631649 h 704674"/>
              <a:gd name="connsiteX2" fmla="*/ 767557 w 3609975"/>
              <a:gd name="connsiteY2" fmla="*/ 337961 h 704674"/>
              <a:gd name="connsiteX3" fmla="*/ 1238250 w 3609975"/>
              <a:gd name="connsiteY3" fmla="*/ 18874 h 704674"/>
              <a:gd name="connsiteX4" fmla="*/ 1579562 w 3609975"/>
              <a:gd name="connsiteY4" fmla="*/ 60149 h 704674"/>
              <a:gd name="connsiteX5" fmla="*/ 1803401 w 3609975"/>
              <a:gd name="connsiteY5" fmla="*/ 252237 h 704674"/>
              <a:gd name="connsiteX6" fmla="*/ 2085931 w 3609975"/>
              <a:gd name="connsiteY6" fmla="*/ 336426 h 704674"/>
              <a:gd name="connsiteX7" fmla="*/ 2492375 w 3609975"/>
              <a:gd name="connsiteY7" fmla="*/ 485599 h 704674"/>
              <a:gd name="connsiteX8" fmla="*/ 3609975 w 3609975"/>
              <a:gd name="connsiteY8" fmla="*/ 704674 h 704674"/>
              <a:gd name="connsiteX0" fmla="*/ 0 w 3609975"/>
              <a:gd name="connsiteY0" fmla="*/ 704674 h 704674"/>
              <a:gd name="connsiteX1" fmla="*/ 206375 w 3609975"/>
              <a:gd name="connsiteY1" fmla="*/ 631649 h 704674"/>
              <a:gd name="connsiteX2" fmla="*/ 767557 w 3609975"/>
              <a:gd name="connsiteY2" fmla="*/ 337961 h 704674"/>
              <a:gd name="connsiteX3" fmla="*/ 1238250 w 3609975"/>
              <a:gd name="connsiteY3" fmla="*/ 18874 h 704674"/>
              <a:gd name="connsiteX4" fmla="*/ 1579562 w 3609975"/>
              <a:gd name="connsiteY4" fmla="*/ 60149 h 704674"/>
              <a:gd name="connsiteX5" fmla="*/ 1803401 w 3609975"/>
              <a:gd name="connsiteY5" fmla="*/ 252237 h 704674"/>
              <a:gd name="connsiteX6" fmla="*/ 2165306 w 3609975"/>
              <a:gd name="connsiteY6" fmla="*/ 317376 h 704674"/>
              <a:gd name="connsiteX7" fmla="*/ 2492375 w 3609975"/>
              <a:gd name="connsiteY7" fmla="*/ 485599 h 704674"/>
              <a:gd name="connsiteX8" fmla="*/ 3609975 w 3609975"/>
              <a:gd name="connsiteY8" fmla="*/ 704674 h 704674"/>
              <a:gd name="connsiteX0" fmla="*/ 0 w 3609975"/>
              <a:gd name="connsiteY0" fmla="*/ 706825 h 706825"/>
              <a:gd name="connsiteX1" fmla="*/ 206375 w 3609975"/>
              <a:gd name="connsiteY1" fmla="*/ 633800 h 706825"/>
              <a:gd name="connsiteX2" fmla="*/ 767557 w 3609975"/>
              <a:gd name="connsiteY2" fmla="*/ 340112 h 706825"/>
              <a:gd name="connsiteX3" fmla="*/ 1238250 w 3609975"/>
              <a:gd name="connsiteY3" fmla="*/ 21025 h 706825"/>
              <a:gd name="connsiteX4" fmla="*/ 1579562 w 3609975"/>
              <a:gd name="connsiteY4" fmla="*/ 62300 h 706825"/>
              <a:gd name="connsiteX5" fmla="*/ 1806576 w 3609975"/>
              <a:gd name="connsiteY5" fmla="*/ 321063 h 706825"/>
              <a:gd name="connsiteX6" fmla="*/ 2165306 w 3609975"/>
              <a:gd name="connsiteY6" fmla="*/ 319527 h 706825"/>
              <a:gd name="connsiteX7" fmla="*/ 2492375 w 3609975"/>
              <a:gd name="connsiteY7" fmla="*/ 487750 h 706825"/>
              <a:gd name="connsiteX8" fmla="*/ 3609975 w 3609975"/>
              <a:gd name="connsiteY8" fmla="*/ 706825 h 706825"/>
              <a:gd name="connsiteX0" fmla="*/ 0 w 3609975"/>
              <a:gd name="connsiteY0" fmla="*/ 706825 h 706825"/>
              <a:gd name="connsiteX1" fmla="*/ 206375 w 3609975"/>
              <a:gd name="connsiteY1" fmla="*/ 633800 h 706825"/>
              <a:gd name="connsiteX2" fmla="*/ 767557 w 3609975"/>
              <a:gd name="connsiteY2" fmla="*/ 340112 h 706825"/>
              <a:gd name="connsiteX3" fmla="*/ 1238250 w 3609975"/>
              <a:gd name="connsiteY3" fmla="*/ 21025 h 706825"/>
              <a:gd name="connsiteX4" fmla="*/ 1579562 w 3609975"/>
              <a:gd name="connsiteY4" fmla="*/ 62300 h 706825"/>
              <a:gd name="connsiteX5" fmla="*/ 1806576 w 3609975"/>
              <a:gd name="connsiteY5" fmla="*/ 321063 h 706825"/>
              <a:gd name="connsiteX6" fmla="*/ 2165306 w 3609975"/>
              <a:gd name="connsiteY6" fmla="*/ 319527 h 706825"/>
              <a:gd name="connsiteX7" fmla="*/ 2609850 w 3609975"/>
              <a:gd name="connsiteY7" fmla="*/ 471875 h 706825"/>
              <a:gd name="connsiteX8" fmla="*/ 3609975 w 3609975"/>
              <a:gd name="connsiteY8" fmla="*/ 706825 h 706825"/>
              <a:gd name="connsiteX0" fmla="*/ 0 w 3609975"/>
              <a:gd name="connsiteY0" fmla="*/ 706825 h 706825"/>
              <a:gd name="connsiteX1" fmla="*/ 206375 w 3609975"/>
              <a:gd name="connsiteY1" fmla="*/ 633800 h 706825"/>
              <a:gd name="connsiteX2" fmla="*/ 767557 w 3609975"/>
              <a:gd name="connsiteY2" fmla="*/ 340112 h 706825"/>
              <a:gd name="connsiteX3" fmla="*/ 1238250 w 3609975"/>
              <a:gd name="connsiteY3" fmla="*/ 21025 h 706825"/>
              <a:gd name="connsiteX4" fmla="*/ 1579562 w 3609975"/>
              <a:gd name="connsiteY4" fmla="*/ 62300 h 706825"/>
              <a:gd name="connsiteX5" fmla="*/ 1806576 w 3609975"/>
              <a:gd name="connsiteY5" fmla="*/ 321063 h 706825"/>
              <a:gd name="connsiteX6" fmla="*/ 2165306 w 3609975"/>
              <a:gd name="connsiteY6" fmla="*/ 319527 h 706825"/>
              <a:gd name="connsiteX7" fmla="*/ 2609850 w 3609975"/>
              <a:gd name="connsiteY7" fmla="*/ 471875 h 706825"/>
              <a:gd name="connsiteX8" fmla="*/ 3609975 w 3609975"/>
              <a:gd name="connsiteY8" fmla="*/ 706825 h 706825"/>
              <a:gd name="connsiteX0" fmla="*/ 0 w 3609975"/>
              <a:gd name="connsiteY0" fmla="*/ 706825 h 706825"/>
              <a:gd name="connsiteX1" fmla="*/ 206375 w 3609975"/>
              <a:gd name="connsiteY1" fmla="*/ 633800 h 706825"/>
              <a:gd name="connsiteX2" fmla="*/ 767557 w 3609975"/>
              <a:gd name="connsiteY2" fmla="*/ 340112 h 706825"/>
              <a:gd name="connsiteX3" fmla="*/ 1238250 w 3609975"/>
              <a:gd name="connsiteY3" fmla="*/ 21025 h 706825"/>
              <a:gd name="connsiteX4" fmla="*/ 1579562 w 3609975"/>
              <a:gd name="connsiteY4" fmla="*/ 62300 h 706825"/>
              <a:gd name="connsiteX5" fmla="*/ 1806576 w 3609975"/>
              <a:gd name="connsiteY5" fmla="*/ 321063 h 706825"/>
              <a:gd name="connsiteX6" fmla="*/ 2165306 w 3609975"/>
              <a:gd name="connsiteY6" fmla="*/ 319527 h 706825"/>
              <a:gd name="connsiteX7" fmla="*/ 2609850 w 3609975"/>
              <a:gd name="connsiteY7" fmla="*/ 471875 h 706825"/>
              <a:gd name="connsiteX8" fmla="*/ 3609975 w 3609975"/>
              <a:gd name="connsiteY8" fmla="*/ 706825 h 706825"/>
              <a:gd name="connsiteX0" fmla="*/ 0 w 3609975"/>
              <a:gd name="connsiteY0" fmla="*/ 706825 h 706825"/>
              <a:gd name="connsiteX1" fmla="*/ 206375 w 3609975"/>
              <a:gd name="connsiteY1" fmla="*/ 633800 h 706825"/>
              <a:gd name="connsiteX2" fmla="*/ 767557 w 3609975"/>
              <a:gd name="connsiteY2" fmla="*/ 340112 h 706825"/>
              <a:gd name="connsiteX3" fmla="*/ 1238250 w 3609975"/>
              <a:gd name="connsiteY3" fmla="*/ 21025 h 706825"/>
              <a:gd name="connsiteX4" fmla="*/ 1579562 w 3609975"/>
              <a:gd name="connsiteY4" fmla="*/ 62300 h 706825"/>
              <a:gd name="connsiteX5" fmla="*/ 1806576 w 3609975"/>
              <a:gd name="connsiteY5" fmla="*/ 321063 h 706825"/>
              <a:gd name="connsiteX6" fmla="*/ 2165306 w 3609975"/>
              <a:gd name="connsiteY6" fmla="*/ 319527 h 706825"/>
              <a:gd name="connsiteX7" fmla="*/ 2609850 w 3609975"/>
              <a:gd name="connsiteY7" fmla="*/ 471875 h 706825"/>
              <a:gd name="connsiteX8" fmla="*/ 3609975 w 3609975"/>
              <a:gd name="connsiteY8" fmla="*/ 706825 h 706825"/>
              <a:gd name="connsiteX0" fmla="*/ 0 w 3609975"/>
              <a:gd name="connsiteY0" fmla="*/ 706716 h 706716"/>
              <a:gd name="connsiteX1" fmla="*/ 206375 w 3609975"/>
              <a:gd name="connsiteY1" fmla="*/ 633691 h 706716"/>
              <a:gd name="connsiteX2" fmla="*/ 767557 w 3609975"/>
              <a:gd name="connsiteY2" fmla="*/ 340003 h 706716"/>
              <a:gd name="connsiteX3" fmla="*/ 1238250 w 3609975"/>
              <a:gd name="connsiteY3" fmla="*/ 20916 h 706716"/>
              <a:gd name="connsiteX4" fmla="*/ 1579562 w 3609975"/>
              <a:gd name="connsiteY4" fmla="*/ 62191 h 706716"/>
              <a:gd name="connsiteX5" fmla="*/ 1857376 w 3609975"/>
              <a:gd name="connsiteY5" fmla="*/ 317779 h 706716"/>
              <a:gd name="connsiteX6" fmla="*/ 2165306 w 3609975"/>
              <a:gd name="connsiteY6" fmla="*/ 319418 h 706716"/>
              <a:gd name="connsiteX7" fmla="*/ 2609850 w 3609975"/>
              <a:gd name="connsiteY7" fmla="*/ 471766 h 706716"/>
              <a:gd name="connsiteX8" fmla="*/ 3609975 w 3609975"/>
              <a:gd name="connsiteY8" fmla="*/ 706716 h 706716"/>
              <a:gd name="connsiteX0" fmla="*/ 0 w 3609975"/>
              <a:gd name="connsiteY0" fmla="*/ 720661 h 720661"/>
              <a:gd name="connsiteX1" fmla="*/ 206375 w 3609975"/>
              <a:gd name="connsiteY1" fmla="*/ 647636 h 720661"/>
              <a:gd name="connsiteX2" fmla="*/ 767557 w 3609975"/>
              <a:gd name="connsiteY2" fmla="*/ 353948 h 720661"/>
              <a:gd name="connsiteX3" fmla="*/ 1238250 w 3609975"/>
              <a:gd name="connsiteY3" fmla="*/ 34861 h 720661"/>
              <a:gd name="connsiteX4" fmla="*/ 1579562 w 3609975"/>
              <a:gd name="connsiteY4" fmla="*/ 76136 h 720661"/>
              <a:gd name="connsiteX5" fmla="*/ 1857376 w 3609975"/>
              <a:gd name="connsiteY5" fmla="*/ 331724 h 720661"/>
              <a:gd name="connsiteX6" fmla="*/ 2165306 w 3609975"/>
              <a:gd name="connsiteY6" fmla="*/ 333363 h 720661"/>
              <a:gd name="connsiteX7" fmla="*/ 2609850 w 3609975"/>
              <a:gd name="connsiteY7" fmla="*/ 485711 h 720661"/>
              <a:gd name="connsiteX8" fmla="*/ 3609975 w 3609975"/>
              <a:gd name="connsiteY8" fmla="*/ 720661 h 720661"/>
              <a:gd name="connsiteX0" fmla="*/ 0 w 3609975"/>
              <a:gd name="connsiteY0" fmla="*/ 719155 h 719155"/>
              <a:gd name="connsiteX1" fmla="*/ 206375 w 3609975"/>
              <a:gd name="connsiteY1" fmla="*/ 646130 h 719155"/>
              <a:gd name="connsiteX2" fmla="*/ 669132 w 3609975"/>
              <a:gd name="connsiteY2" fmla="*/ 330217 h 719155"/>
              <a:gd name="connsiteX3" fmla="*/ 1238250 w 3609975"/>
              <a:gd name="connsiteY3" fmla="*/ 33355 h 719155"/>
              <a:gd name="connsiteX4" fmla="*/ 1579562 w 3609975"/>
              <a:gd name="connsiteY4" fmla="*/ 74630 h 719155"/>
              <a:gd name="connsiteX5" fmla="*/ 1857376 w 3609975"/>
              <a:gd name="connsiteY5" fmla="*/ 330218 h 719155"/>
              <a:gd name="connsiteX6" fmla="*/ 2165306 w 3609975"/>
              <a:gd name="connsiteY6" fmla="*/ 331857 h 719155"/>
              <a:gd name="connsiteX7" fmla="*/ 2609850 w 3609975"/>
              <a:gd name="connsiteY7" fmla="*/ 484205 h 719155"/>
              <a:gd name="connsiteX8" fmla="*/ 3609975 w 3609975"/>
              <a:gd name="connsiteY8" fmla="*/ 719155 h 719155"/>
              <a:gd name="connsiteX0" fmla="*/ 0 w 3609975"/>
              <a:gd name="connsiteY0" fmla="*/ 705741 h 705741"/>
              <a:gd name="connsiteX1" fmla="*/ 206375 w 3609975"/>
              <a:gd name="connsiteY1" fmla="*/ 632716 h 705741"/>
              <a:gd name="connsiteX2" fmla="*/ 669132 w 3609975"/>
              <a:gd name="connsiteY2" fmla="*/ 316803 h 705741"/>
              <a:gd name="connsiteX3" fmla="*/ 1238250 w 3609975"/>
              <a:gd name="connsiteY3" fmla="*/ 19941 h 705741"/>
              <a:gd name="connsiteX4" fmla="*/ 1579562 w 3609975"/>
              <a:gd name="connsiteY4" fmla="*/ 61216 h 705741"/>
              <a:gd name="connsiteX5" fmla="*/ 1908176 w 3609975"/>
              <a:gd name="connsiteY5" fmla="*/ 335854 h 705741"/>
              <a:gd name="connsiteX6" fmla="*/ 2165306 w 3609975"/>
              <a:gd name="connsiteY6" fmla="*/ 318443 h 705741"/>
              <a:gd name="connsiteX7" fmla="*/ 2609850 w 3609975"/>
              <a:gd name="connsiteY7" fmla="*/ 470791 h 705741"/>
              <a:gd name="connsiteX8" fmla="*/ 3609975 w 3609975"/>
              <a:gd name="connsiteY8" fmla="*/ 705741 h 705741"/>
              <a:gd name="connsiteX0" fmla="*/ 0 w 3609975"/>
              <a:gd name="connsiteY0" fmla="*/ 706438 h 706438"/>
              <a:gd name="connsiteX1" fmla="*/ 206375 w 3609975"/>
              <a:gd name="connsiteY1" fmla="*/ 633413 h 706438"/>
              <a:gd name="connsiteX2" fmla="*/ 669132 w 3609975"/>
              <a:gd name="connsiteY2" fmla="*/ 317500 h 706438"/>
              <a:gd name="connsiteX3" fmla="*/ 1238250 w 3609975"/>
              <a:gd name="connsiteY3" fmla="*/ 20638 h 706438"/>
              <a:gd name="connsiteX4" fmla="*/ 1579562 w 3609975"/>
              <a:gd name="connsiteY4" fmla="*/ 61913 h 706438"/>
              <a:gd name="connsiteX5" fmla="*/ 1879601 w 3609975"/>
              <a:gd name="connsiteY5" fmla="*/ 355601 h 706438"/>
              <a:gd name="connsiteX6" fmla="*/ 2165306 w 3609975"/>
              <a:gd name="connsiteY6" fmla="*/ 319140 h 706438"/>
              <a:gd name="connsiteX7" fmla="*/ 2609850 w 3609975"/>
              <a:gd name="connsiteY7" fmla="*/ 471488 h 706438"/>
              <a:gd name="connsiteX8" fmla="*/ 3609975 w 3609975"/>
              <a:gd name="connsiteY8" fmla="*/ 706438 h 706438"/>
              <a:gd name="connsiteX0" fmla="*/ 0 w 3609975"/>
              <a:gd name="connsiteY0" fmla="*/ 704433 h 704433"/>
              <a:gd name="connsiteX1" fmla="*/ 206375 w 3609975"/>
              <a:gd name="connsiteY1" fmla="*/ 631408 h 704433"/>
              <a:gd name="connsiteX2" fmla="*/ 669132 w 3609975"/>
              <a:gd name="connsiteY2" fmla="*/ 315495 h 704433"/>
              <a:gd name="connsiteX3" fmla="*/ 1238250 w 3609975"/>
              <a:gd name="connsiteY3" fmla="*/ 18633 h 704433"/>
              <a:gd name="connsiteX4" fmla="*/ 1579562 w 3609975"/>
              <a:gd name="connsiteY4" fmla="*/ 59908 h 704433"/>
              <a:gd name="connsiteX5" fmla="*/ 1873251 w 3609975"/>
              <a:gd name="connsiteY5" fmla="*/ 296446 h 704433"/>
              <a:gd name="connsiteX6" fmla="*/ 2165306 w 3609975"/>
              <a:gd name="connsiteY6" fmla="*/ 317135 h 704433"/>
              <a:gd name="connsiteX7" fmla="*/ 2609850 w 3609975"/>
              <a:gd name="connsiteY7" fmla="*/ 469483 h 704433"/>
              <a:gd name="connsiteX8" fmla="*/ 3609975 w 3609975"/>
              <a:gd name="connsiteY8" fmla="*/ 704433 h 70443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3609975" h="704433">
                <a:moveTo>
                  <a:pt x="0" y="704433"/>
                </a:moveTo>
                <a:cubicBezTo>
                  <a:pt x="163248" y="691204"/>
                  <a:pt x="94853" y="696231"/>
                  <a:pt x="206375" y="631408"/>
                </a:cubicBezTo>
                <a:cubicBezTo>
                  <a:pt x="317897" y="566585"/>
                  <a:pt x="497153" y="417624"/>
                  <a:pt x="669132" y="315495"/>
                </a:cubicBezTo>
                <a:cubicBezTo>
                  <a:pt x="841111" y="213366"/>
                  <a:pt x="1086512" y="61231"/>
                  <a:pt x="1238250" y="18633"/>
                </a:cubicBezTo>
                <a:cubicBezTo>
                  <a:pt x="1389988" y="-23965"/>
                  <a:pt x="1473729" y="13606"/>
                  <a:pt x="1579562" y="59908"/>
                </a:cubicBezTo>
                <a:cubicBezTo>
                  <a:pt x="1685395" y="106210"/>
                  <a:pt x="1775627" y="253575"/>
                  <a:pt x="1873251" y="296446"/>
                </a:cubicBezTo>
                <a:cubicBezTo>
                  <a:pt x="1970875" y="339317"/>
                  <a:pt x="2042540" y="288296"/>
                  <a:pt x="2165306" y="317135"/>
                </a:cubicBezTo>
                <a:cubicBezTo>
                  <a:pt x="2288073" y="345975"/>
                  <a:pt x="2356372" y="436683"/>
                  <a:pt x="2609850" y="469483"/>
                </a:cubicBezTo>
                <a:cubicBezTo>
                  <a:pt x="2863328" y="502283"/>
                  <a:pt x="3067050" y="606008"/>
                  <a:pt x="3609975" y="704433"/>
                </a:cubicBezTo>
              </a:path>
            </a:pathLst>
          </a:custGeom>
          <a:solidFill>
            <a:schemeClr val="accent2">
              <a:lumMod val="75000"/>
            </a:schemeClr>
          </a:solidFill>
          <a:ln w="25400">
            <a:solidFill>
              <a:schemeClr val="accent2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33" name="TextBox 32"/>
          <p:cNvSpPr txBox="1"/>
          <p:nvPr/>
        </p:nvSpPr>
        <p:spPr>
          <a:xfrm>
            <a:off x="518018" y="2338000"/>
            <a:ext cx="272702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>
                <a:latin typeface="Gentium Basic" panose="02000503060000020004" pitchFamily="2" charset="0"/>
              </a:rPr>
              <a:t>possible destination points</a:t>
            </a:r>
            <a:endParaRPr lang="de-CH" dirty="0">
              <a:latin typeface="Gentium Basic" panose="02000503060000020004" pitchFamily="2" charset="0"/>
            </a:endParaRPr>
          </a:p>
        </p:txBody>
      </p:sp>
      <p:sp>
        <p:nvSpPr>
          <p:cNvPr id="67" name="Rectangle 66"/>
          <p:cNvSpPr/>
          <p:nvPr/>
        </p:nvSpPr>
        <p:spPr>
          <a:xfrm>
            <a:off x="4309277" y="2707332"/>
            <a:ext cx="3600000" cy="1440000"/>
          </a:xfrm>
          <a:prstGeom prst="rect">
            <a:avLst/>
          </a:prstGeom>
        </p:spPr>
        <p:style>
          <a:lnRef idx="2">
            <a:schemeClr val="accent5"/>
          </a:lnRef>
          <a:fillRef idx="1002">
            <a:schemeClr val="lt2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e-CH" sz="1200" dirty="0">
              <a:latin typeface="Gentium Basic" panose="02000503060000020004" pitchFamily="2" charset="0"/>
            </a:endParaRPr>
          </a:p>
        </p:txBody>
      </p:sp>
      <p:sp>
        <p:nvSpPr>
          <p:cNvPr id="69" name="Freeform 68"/>
          <p:cNvSpPr/>
          <p:nvPr/>
        </p:nvSpPr>
        <p:spPr>
          <a:xfrm>
            <a:off x="4308475" y="3383045"/>
            <a:ext cx="3609975" cy="766916"/>
          </a:xfrm>
          <a:custGeom>
            <a:avLst/>
            <a:gdLst>
              <a:gd name="connsiteX0" fmla="*/ 0 w 3606800"/>
              <a:gd name="connsiteY0" fmla="*/ 444745 h 595387"/>
              <a:gd name="connsiteX1" fmla="*/ 273050 w 3606800"/>
              <a:gd name="connsiteY1" fmla="*/ 245 h 595387"/>
              <a:gd name="connsiteX2" fmla="*/ 412750 w 3606800"/>
              <a:gd name="connsiteY2" fmla="*/ 381245 h 595387"/>
              <a:gd name="connsiteX3" fmla="*/ 622300 w 3606800"/>
              <a:gd name="connsiteY3" fmla="*/ 343145 h 595387"/>
              <a:gd name="connsiteX4" fmla="*/ 882650 w 3606800"/>
              <a:gd name="connsiteY4" fmla="*/ 412995 h 595387"/>
              <a:gd name="connsiteX5" fmla="*/ 1073150 w 3606800"/>
              <a:gd name="connsiteY5" fmla="*/ 25645 h 595387"/>
              <a:gd name="connsiteX6" fmla="*/ 1225550 w 3606800"/>
              <a:gd name="connsiteY6" fmla="*/ 552695 h 595387"/>
              <a:gd name="connsiteX7" fmla="*/ 1981200 w 3606800"/>
              <a:gd name="connsiteY7" fmla="*/ 508245 h 595387"/>
              <a:gd name="connsiteX8" fmla="*/ 2857500 w 3606800"/>
              <a:gd name="connsiteY8" fmla="*/ 578095 h 595387"/>
              <a:gd name="connsiteX9" fmla="*/ 3181350 w 3606800"/>
              <a:gd name="connsiteY9" fmla="*/ 222495 h 595387"/>
              <a:gd name="connsiteX10" fmla="*/ 3390900 w 3606800"/>
              <a:gd name="connsiteY10" fmla="*/ 571745 h 595387"/>
              <a:gd name="connsiteX11" fmla="*/ 3606800 w 3606800"/>
              <a:gd name="connsiteY11" fmla="*/ 565395 h 595387"/>
              <a:gd name="connsiteX0" fmla="*/ 0 w 3606800"/>
              <a:gd name="connsiteY0" fmla="*/ 444745 h 595387"/>
              <a:gd name="connsiteX1" fmla="*/ 273050 w 3606800"/>
              <a:gd name="connsiteY1" fmla="*/ 245 h 595387"/>
              <a:gd name="connsiteX2" fmla="*/ 412750 w 3606800"/>
              <a:gd name="connsiteY2" fmla="*/ 381245 h 595387"/>
              <a:gd name="connsiteX3" fmla="*/ 622300 w 3606800"/>
              <a:gd name="connsiteY3" fmla="*/ 343145 h 595387"/>
              <a:gd name="connsiteX4" fmla="*/ 882650 w 3606800"/>
              <a:gd name="connsiteY4" fmla="*/ 412995 h 595387"/>
              <a:gd name="connsiteX5" fmla="*/ 1073150 w 3606800"/>
              <a:gd name="connsiteY5" fmla="*/ 25645 h 595387"/>
              <a:gd name="connsiteX6" fmla="*/ 1258888 w 3606800"/>
              <a:gd name="connsiteY6" fmla="*/ 524762 h 595387"/>
              <a:gd name="connsiteX7" fmla="*/ 1981200 w 3606800"/>
              <a:gd name="connsiteY7" fmla="*/ 508245 h 595387"/>
              <a:gd name="connsiteX8" fmla="*/ 2857500 w 3606800"/>
              <a:gd name="connsiteY8" fmla="*/ 578095 h 595387"/>
              <a:gd name="connsiteX9" fmla="*/ 3181350 w 3606800"/>
              <a:gd name="connsiteY9" fmla="*/ 222495 h 595387"/>
              <a:gd name="connsiteX10" fmla="*/ 3390900 w 3606800"/>
              <a:gd name="connsiteY10" fmla="*/ 571745 h 595387"/>
              <a:gd name="connsiteX11" fmla="*/ 3606800 w 3606800"/>
              <a:gd name="connsiteY11" fmla="*/ 565395 h 595387"/>
              <a:gd name="connsiteX0" fmla="*/ 0 w 3606800"/>
              <a:gd name="connsiteY0" fmla="*/ 444745 h 595387"/>
              <a:gd name="connsiteX1" fmla="*/ 273050 w 3606800"/>
              <a:gd name="connsiteY1" fmla="*/ 245 h 595387"/>
              <a:gd name="connsiteX2" fmla="*/ 412750 w 3606800"/>
              <a:gd name="connsiteY2" fmla="*/ 381245 h 595387"/>
              <a:gd name="connsiteX3" fmla="*/ 622300 w 3606800"/>
              <a:gd name="connsiteY3" fmla="*/ 343145 h 595387"/>
              <a:gd name="connsiteX4" fmla="*/ 882650 w 3606800"/>
              <a:gd name="connsiteY4" fmla="*/ 412995 h 595387"/>
              <a:gd name="connsiteX5" fmla="*/ 1073150 w 3606800"/>
              <a:gd name="connsiteY5" fmla="*/ 25645 h 595387"/>
              <a:gd name="connsiteX6" fmla="*/ 1258888 w 3606800"/>
              <a:gd name="connsiteY6" fmla="*/ 524762 h 595387"/>
              <a:gd name="connsiteX7" fmla="*/ 1981200 w 3606800"/>
              <a:gd name="connsiteY7" fmla="*/ 508245 h 595387"/>
              <a:gd name="connsiteX8" fmla="*/ 2890838 w 3606800"/>
              <a:gd name="connsiteY8" fmla="*/ 546671 h 595387"/>
              <a:gd name="connsiteX9" fmla="*/ 3181350 w 3606800"/>
              <a:gd name="connsiteY9" fmla="*/ 222495 h 595387"/>
              <a:gd name="connsiteX10" fmla="*/ 3390900 w 3606800"/>
              <a:gd name="connsiteY10" fmla="*/ 571745 h 595387"/>
              <a:gd name="connsiteX11" fmla="*/ 3606800 w 3606800"/>
              <a:gd name="connsiteY11" fmla="*/ 565395 h 595387"/>
              <a:gd name="connsiteX0" fmla="*/ 0 w 3606800"/>
              <a:gd name="connsiteY0" fmla="*/ 444745 h 595387"/>
              <a:gd name="connsiteX1" fmla="*/ 273050 w 3606800"/>
              <a:gd name="connsiteY1" fmla="*/ 245 h 595387"/>
              <a:gd name="connsiteX2" fmla="*/ 412750 w 3606800"/>
              <a:gd name="connsiteY2" fmla="*/ 381245 h 595387"/>
              <a:gd name="connsiteX3" fmla="*/ 622300 w 3606800"/>
              <a:gd name="connsiteY3" fmla="*/ 343145 h 595387"/>
              <a:gd name="connsiteX4" fmla="*/ 882650 w 3606800"/>
              <a:gd name="connsiteY4" fmla="*/ 412995 h 595387"/>
              <a:gd name="connsiteX5" fmla="*/ 1073150 w 3606800"/>
              <a:gd name="connsiteY5" fmla="*/ 25645 h 595387"/>
              <a:gd name="connsiteX6" fmla="*/ 1258888 w 3606800"/>
              <a:gd name="connsiteY6" fmla="*/ 524762 h 595387"/>
              <a:gd name="connsiteX7" fmla="*/ 1828800 w 3606800"/>
              <a:gd name="connsiteY7" fmla="*/ 532687 h 595387"/>
              <a:gd name="connsiteX8" fmla="*/ 2890838 w 3606800"/>
              <a:gd name="connsiteY8" fmla="*/ 546671 h 595387"/>
              <a:gd name="connsiteX9" fmla="*/ 3181350 w 3606800"/>
              <a:gd name="connsiteY9" fmla="*/ 222495 h 595387"/>
              <a:gd name="connsiteX10" fmla="*/ 3390900 w 3606800"/>
              <a:gd name="connsiteY10" fmla="*/ 571745 h 595387"/>
              <a:gd name="connsiteX11" fmla="*/ 3606800 w 3606800"/>
              <a:gd name="connsiteY11" fmla="*/ 565395 h 595387"/>
              <a:gd name="connsiteX0" fmla="*/ 0 w 3606800"/>
              <a:gd name="connsiteY0" fmla="*/ 444745 h 595387"/>
              <a:gd name="connsiteX1" fmla="*/ 273050 w 3606800"/>
              <a:gd name="connsiteY1" fmla="*/ 245 h 595387"/>
              <a:gd name="connsiteX2" fmla="*/ 412750 w 3606800"/>
              <a:gd name="connsiteY2" fmla="*/ 381245 h 595387"/>
              <a:gd name="connsiteX3" fmla="*/ 622300 w 3606800"/>
              <a:gd name="connsiteY3" fmla="*/ 343145 h 595387"/>
              <a:gd name="connsiteX4" fmla="*/ 882650 w 3606800"/>
              <a:gd name="connsiteY4" fmla="*/ 412995 h 595387"/>
              <a:gd name="connsiteX5" fmla="*/ 1073150 w 3606800"/>
              <a:gd name="connsiteY5" fmla="*/ 25645 h 595387"/>
              <a:gd name="connsiteX6" fmla="*/ 1258888 w 3606800"/>
              <a:gd name="connsiteY6" fmla="*/ 524762 h 595387"/>
              <a:gd name="connsiteX7" fmla="*/ 2085975 w 3606800"/>
              <a:gd name="connsiteY7" fmla="*/ 525704 h 595387"/>
              <a:gd name="connsiteX8" fmla="*/ 2890838 w 3606800"/>
              <a:gd name="connsiteY8" fmla="*/ 546671 h 595387"/>
              <a:gd name="connsiteX9" fmla="*/ 3181350 w 3606800"/>
              <a:gd name="connsiteY9" fmla="*/ 222495 h 595387"/>
              <a:gd name="connsiteX10" fmla="*/ 3390900 w 3606800"/>
              <a:gd name="connsiteY10" fmla="*/ 571745 h 595387"/>
              <a:gd name="connsiteX11" fmla="*/ 3606800 w 3606800"/>
              <a:gd name="connsiteY11" fmla="*/ 565395 h 595387"/>
              <a:gd name="connsiteX0" fmla="*/ 0 w 3606800"/>
              <a:gd name="connsiteY0" fmla="*/ 444745 h 565395"/>
              <a:gd name="connsiteX1" fmla="*/ 273050 w 3606800"/>
              <a:gd name="connsiteY1" fmla="*/ 245 h 565395"/>
              <a:gd name="connsiteX2" fmla="*/ 412750 w 3606800"/>
              <a:gd name="connsiteY2" fmla="*/ 381245 h 565395"/>
              <a:gd name="connsiteX3" fmla="*/ 622300 w 3606800"/>
              <a:gd name="connsiteY3" fmla="*/ 343145 h 565395"/>
              <a:gd name="connsiteX4" fmla="*/ 882650 w 3606800"/>
              <a:gd name="connsiteY4" fmla="*/ 412995 h 565395"/>
              <a:gd name="connsiteX5" fmla="*/ 1073150 w 3606800"/>
              <a:gd name="connsiteY5" fmla="*/ 25645 h 565395"/>
              <a:gd name="connsiteX6" fmla="*/ 1258888 w 3606800"/>
              <a:gd name="connsiteY6" fmla="*/ 524762 h 565395"/>
              <a:gd name="connsiteX7" fmla="*/ 2085975 w 3606800"/>
              <a:gd name="connsiteY7" fmla="*/ 525704 h 565395"/>
              <a:gd name="connsiteX8" fmla="*/ 2890838 w 3606800"/>
              <a:gd name="connsiteY8" fmla="*/ 546671 h 565395"/>
              <a:gd name="connsiteX9" fmla="*/ 3181350 w 3606800"/>
              <a:gd name="connsiteY9" fmla="*/ 222495 h 565395"/>
              <a:gd name="connsiteX10" fmla="*/ 3357563 w 3606800"/>
              <a:gd name="connsiteY10" fmla="*/ 512387 h 565395"/>
              <a:gd name="connsiteX11" fmla="*/ 3606800 w 3606800"/>
              <a:gd name="connsiteY11" fmla="*/ 565395 h 565395"/>
              <a:gd name="connsiteX0" fmla="*/ 0 w 3606800"/>
              <a:gd name="connsiteY0" fmla="*/ 444745 h 565395"/>
              <a:gd name="connsiteX1" fmla="*/ 273050 w 3606800"/>
              <a:gd name="connsiteY1" fmla="*/ 245 h 565395"/>
              <a:gd name="connsiteX2" fmla="*/ 412750 w 3606800"/>
              <a:gd name="connsiteY2" fmla="*/ 381245 h 565395"/>
              <a:gd name="connsiteX3" fmla="*/ 622300 w 3606800"/>
              <a:gd name="connsiteY3" fmla="*/ 343145 h 565395"/>
              <a:gd name="connsiteX4" fmla="*/ 854075 w 3606800"/>
              <a:gd name="connsiteY4" fmla="*/ 364112 h 565395"/>
              <a:gd name="connsiteX5" fmla="*/ 1073150 w 3606800"/>
              <a:gd name="connsiteY5" fmla="*/ 25645 h 565395"/>
              <a:gd name="connsiteX6" fmla="*/ 1258888 w 3606800"/>
              <a:gd name="connsiteY6" fmla="*/ 524762 h 565395"/>
              <a:gd name="connsiteX7" fmla="*/ 2085975 w 3606800"/>
              <a:gd name="connsiteY7" fmla="*/ 525704 h 565395"/>
              <a:gd name="connsiteX8" fmla="*/ 2890838 w 3606800"/>
              <a:gd name="connsiteY8" fmla="*/ 546671 h 565395"/>
              <a:gd name="connsiteX9" fmla="*/ 3181350 w 3606800"/>
              <a:gd name="connsiteY9" fmla="*/ 222495 h 565395"/>
              <a:gd name="connsiteX10" fmla="*/ 3357563 w 3606800"/>
              <a:gd name="connsiteY10" fmla="*/ 512387 h 565395"/>
              <a:gd name="connsiteX11" fmla="*/ 3606800 w 3606800"/>
              <a:gd name="connsiteY11" fmla="*/ 565395 h 565395"/>
              <a:gd name="connsiteX0" fmla="*/ 0 w 3606800"/>
              <a:gd name="connsiteY0" fmla="*/ 444501 h 565151"/>
              <a:gd name="connsiteX1" fmla="*/ 273050 w 3606800"/>
              <a:gd name="connsiteY1" fmla="*/ 1 h 565151"/>
              <a:gd name="connsiteX2" fmla="*/ 427038 w 3606800"/>
              <a:gd name="connsiteY2" fmla="*/ 443850 h 565151"/>
              <a:gd name="connsiteX3" fmla="*/ 622300 w 3606800"/>
              <a:gd name="connsiteY3" fmla="*/ 342901 h 565151"/>
              <a:gd name="connsiteX4" fmla="*/ 854075 w 3606800"/>
              <a:gd name="connsiteY4" fmla="*/ 363868 h 565151"/>
              <a:gd name="connsiteX5" fmla="*/ 1073150 w 3606800"/>
              <a:gd name="connsiteY5" fmla="*/ 25401 h 565151"/>
              <a:gd name="connsiteX6" fmla="*/ 1258888 w 3606800"/>
              <a:gd name="connsiteY6" fmla="*/ 524518 h 565151"/>
              <a:gd name="connsiteX7" fmla="*/ 2085975 w 3606800"/>
              <a:gd name="connsiteY7" fmla="*/ 525460 h 565151"/>
              <a:gd name="connsiteX8" fmla="*/ 2890838 w 3606800"/>
              <a:gd name="connsiteY8" fmla="*/ 546427 h 565151"/>
              <a:gd name="connsiteX9" fmla="*/ 3181350 w 3606800"/>
              <a:gd name="connsiteY9" fmla="*/ 222251 h 565151"/>
              <a:gd name="connsiteX10" fmla="*/ 3357563 w 3606800"/>
              <a:gd name="connsiteY10" fmla="*/ 512143 h 565151"/>
              <a:gd name="connsiteX11" fmla="*/ 3606800 w 3606800"/>
              <a:gd name="connsiteY11" fmla="*/ 565151 h 565151"/>
              <a:gd name="connsiteX0" fmla="*/ 0 w 3606800"/>
              <a:gd name="connsiteY0" fmla="*/ 441010 h 561660"/>
              <a:gd name="connsiteX1" fmla="*/ 320675 w 3606800"/>
              <a:gd name="connsiteY1" fmla="*/ 1 h 561660"/>
              <a:gd name="connsiteX2" fmla="*/ 427038 w 3606800"/>
              <a:gd name="connsiteY2" fmla="*/ 440359 h 561660"/>
              <a:gd name="connsiteX3" fmla="*/ 622300 w 3606800"/>
              <a:gd name="connsiteY3" fmla="*/ 339410 h 561660"/>
              <a:gd name="connsiteX4" fmla="*/ 854075 w 3606800"/>
              <a:gd name="connsiteY4" fmla="*/ 360377 h 561660"/>
              <a:gd name="connsiteX5" fmla="*/ 1073150 w 3606800"/>
              <a:gd name="connsiteY5" fmla="*/ 21910 h 561660"/>
              <a:gd name="connsiteX6" fmla="*/ 1258888 w 3606800"/>
              <a:gd name="connsiteY6" fmla="*/ 521027 h 561660"/>
              <a:gd name="connsiteX7" fmla="*/ 2085975 w 3606800"/>
              <a:gd name="connsiteY7" fmla="*/ 521969 h 561660"/>
              <a:gd name="connsiteX8" fmla="*/ 2890838 w 3606800"/>
              <a:gd name="connsiteY8" fmla="*/ 542936 h 561660"/>
              <a:gd name="connsiteX9" fmla="*/ 3181350 w 3606800"/>
              <a:gd name="connsiteY9" fmla="*/ 218760 h 561660"/>
              <a:gd name="connsiteX10" fmla="*/ 3357563 w 3606800"/>
              <a:gd name="connsiteY10" fmla="*/ 508652 h 561660"/>
              <a:gd name="connsiteX11" fmla="*/ 3606800 w 3606800"/>
              <a:gd name="connsiteY11" fmla="*/ 561660 h 561660"/>
              <a:gd name="connsiteX0" fmla="*/ 0 w 3606800"/>
              <a:gd name="connsiteY0" fmla="*/ 441010 h 576800"/>
              <a:gd name="connsiteX1" fmla="*/ 320675 w 3606800"/>
              <a:gd name="connsiteY1" fmla="*/ 1 h 576800"/>
              <a:gd name="connsiteX2" fmla="*/ 427038 w 3606800"/>
              <a:gd name="connsiteY2" fmla="*/ 440359 h 576800"/>
              <a:gd name="connsiteX3" fmla="*/ 622300 w 3606800"/>
              <a:gd name="connsiteY3" fmla="*/ 339410 h 576800"/>
              <a:gd name="connsiteX4" fmla="*/ 854075 w 3606800"/>
              <a:gd name="connsiteY4" fmla="*/ 360377 h 576800"/>
              <a:gd name="connsiteX5" fmla="*/ 1073150 w 3606800"/>
              <a:gd name="connsiteY5" fmla="*/ 21910 h 576800"/>
              <a:gd name="connsiteX6" fmla="*/ 1258888 w 3606800"/>
              <a:gd name="connsiteY6" fmla="*/ 521027 h 576800"/>
              <a:gd name="connsiteX7" fmla="*/ 2085975 w 3606800"/>
              <a:gd name="connsiteY7" fmla="*/ 521969 h 576800"/>
              <a:gd name="connsiteX8" fmla="*/ 2890838 w 3606800"/>
              <a:gd name="connsiteY8" fmla="*/ 542936 h 576800"/>
              <a:gd name="connsiteX9" fmla="*/ 3057525 w 3606800"/>
              <a:gd name="connsiteY9" fmla="*/ 9263 h 576800"/>
              <a:gd name="connsiteX10" fmla="*/ 3357563 w 3606800"/>
              <a:gd name="connsiteY10" fmla="*/ 508652 h 576800"/>
              <a:gd name="connsiteX11" fmla="*/ 3606800 w 3606800"/>
              <a:gd name="connsiteY11" fmla="*/ 561660 h 576800"/>
              <a:gd name="connsiteX0" fmla="*/ 0 w 3606800"/>
              <a:gd name="connsiteY0" fmla="*/ 441010 h 569463"/>
              <a:gd name="connsiteX1" fmla="*/ 320675 w 3606800"/>
              <a:gd name="connsiteY1" fmla="*/ 1 h 569463"/>
              <a:gd name="connsiteX2" fmla="*/ 427038 w 3606800"/>
              <a:gd name="connsiteY2" fmla="*/ 440359 h 569463"/>
              <a:gd name="connsiteX3" fmla="*/ 622300 w 3606800"/>
              <a:gd name="connsiteY3" fmla="*/ 339410 h 569463"/>
              <a:gd name="connsiteX4" fmla="*/ 854075 w 3606800"/>
              <a:gd name="connsiteY4" fmla="*/ 360377 h 569463"/>
              <a:gd name="connsiteX5" fmla="*/ 1073150 w 3606800"/>
              <a:gd name="connsiteY5" fmla="*/ 21910 h 569463"/>
              <a:gd name="connsiteX6" fmla="*/ 1258888 w 3606800"/>
              <a:gd name="connsiteY6" fmla="*/ 521027 h 569463"/>
              <a:gd name="connsiteX7" fmla="*/ 2085975 w 3606800"/>
              <a:gd name="connsiteY7" fmla="*/ 521969 h 569463"/>
              <a:gd name="connsiteX8" fmla="*/ 2738438 w 3606800"/>
              <a:gd name="connsiteY8" fmla="*/ 497545 h 569463"/>
              <a:gd name="connsiteX9" fmla="*/ 3057525 w 3606800"/>
              <a:gd name="connsiteY9" fmla="*/ 9263 h 569463"/>
              <a:gd name="connsiteX10" fmla="*/ 3357563 w 3606800"/>
              <a:gd name="connsiteY10" fmla="*/ 508652 h 569463"/>
              <a:gd name="connsiteX11" fmla="*/ 3606800 w 3606800"/>
              <a:gd name="connsiteY11" fmla="*/ 561660 h 569463"/>
              <a:gd name="connsiteX0" fmla="*/ 0 w 3606800"/>
              <a:gd name="connsiteY0" fmla="*/ 441593 h 570046"/>
              <a:gd name="connsiteX1" fmla="*/ 320675 w 3606800"/>
              <a:gd name="connsiteY1" fmla="*/ 584 h 570046"/>
              <a:gd name="connsiteX2" fmla="*/ 427038 w 3606800"/>
              <a:gd name="connsiteY2" fmla="*/ 440942 h 570046"/>
              <a:gd name="connsiteX3" fmla="*/ 622300 w 3606800"/>
              <a:gd name="connsiteY3" fmla="*/ 339993 h 570046"/>
              <a:gd name="connsiteX4" fmla="*/ 854075 w 3606800"/>
              <a:gd name="connsiteY4" fmla="*/ 360960 h 570046"/>
              <a:gd name="connsiteX5" fmla="*/ 1158875 w 3606800"/>
              <a:gd name="connsiteY5" fmla="*/ 1543 h 570046"/>
              <a:gd name="connsiteX6" fmla="*/ 1258888 w 3606800"/>
              <a:gd name="connsiteY6" fmla="*/ 521610 h 570046"/>
              <a:gd name="connsiteX7" fmla="*/ 2085975 w 3606800"/>
              <a:gd name="connsiteY7" fmla="*/ 522552 h 570046"/>
              <a:gd name="connsiteX8" fmla="*/ 2738438 w 3606800"/>
              <a:gd name="connsiteY8" fmla="*/ 498128 h 570046"/>
              <a:gd name="connsiteX9" fmla="*/ 3057525 w 3606800"/>
              <a:gd name="connsiteY9" fmla="*/ 9846 h 570046"/>
              <a:gd name="connsiteX10" fmla="*/ 3357563 w 3606800"/>
              <a:gd name="connsiteY10" fmla="*/ 509235 h 570046"/>
              <a:gd name="connsiteX11" fmla="*/ 3606800 w 3606800"/>
              <a:gd name="connsiteY11" fmla="*/ 562243 h 570046"/>
              <a:gd name="connsiteX0" fmla="*/ 0 w 3606800"/>
              <a:gd name="connsiteY0" fmla="*/ 441128 h 569581"/>
              <a:gd name="connsiteX1" fmla="*/ 320675 w 3606800"/>
              <a:gd name="connsiteY1" fmla="*/ 119 h 569581"/>
              <a:gd name="connsiteX2" fmla="*/ 427038 w 3606800"/>
              <a:gd name="connsiteY2" fmla="*/ 440477 h 569581"/>
              <a:gd name="connsiteX3" fmla="*/ 622300 w 3606800"/>
              <a:gd name="connsiteY3" fmla="*/ 339528 h 569581"/>
              <a:gd name="connsiteX4" fmla="*/ 854075 w 3606800"/>
              <a:gd name="connsiteY4" fmla="*/ 360495 h 569581"/>
              <a:gd name="connsiteX5" fmla="*/ 1158875 w 3606800"/>
              <a:gd name="connsiteY5" fmla="*/ 1078 h 569581"/>
              <a:gd name="connsiteX6" fmla="*/ 1468438 w 3606800"/>
              <a:gd name="connsiteY6" fmla="*/ 493212 h 569581"/>
              <a:gd name="connsiteX7" fmla="*/ 2085975 w 3606800"/>
              <a:gd name="connsiteY7" fmla="*/ 522087 h 569581"/>
              <a:gd name="connsiteX8" fmla="*/ 2738438 w 3606800"/>
              <a:gd name="connsiteY8" fmla="*/ 497663 h 569581"/>
              <a:gd name="connsiteX9" fmla="*/ 3057525 w 3606800"/>
              <a:gd name="connsiteY9" fmla="*/ 9381 h 569581"/>
              <a:gd name="connsiteX10" fmla="*/ 3357563 w 3606800"/>
              <a:gd name="connsiteY10" fmla="*/ 508770 h 569581"/>
              <a:gd name="connsiteX11" fmla="*/ 3606800 w 3606800"/>
              <a:gd name="connsiteY11" fmla="*/ 561778 h 569581"/>
              <a:gd name="connsiteX0" fmla="*/ 0 w 3606800"/>
              <a:gd name="connsiteY0" fmla="*/ 441010 h 569463"/>
              <a:gd name="connsiteX1" fmla="*/ 320675 w 3606800"/>
              <a:gd name="connsiteY1" fmla="*/ 1 h 569463"/>
              <a:gd name="connsiteX2" fmla="*/ 427038 w 3606800"/>
              <a:gd name="connsiteY2" fmla="*/ 440359 h 569463"/>
              <a:gd name="connsiteX3" fmla="*/ 622300 w 3606800"/>
              <a:gd name="connsiteY3" fmla="*/ 339410 h 569463"/>
              <a:gd name="connsiteX4" fmla="*/ 854075 w 3606800"/>
              <a:gd name="connsiteY4" fmla="*/ 360377 h 569463"/>
              <a:gd name="connsiteX5" fmla="*/ 1135062 w 3606800"/>
              <a:gd name="connsiteY5" fmla="*/ 4452 h 569463"/>
              <a:gd name="connsiteX6" fmla="*/ 1468438 w 3606800"/>
              <a:gd name="connsiteY6" fmla="*/ 493094 h 569463"/>
              <a:gd name="connsiteX7" fmla="*/ 2085975 w 3606800"/>
              <a:gd name="connsiteY7" fmla="*/ 521969 h 569463"/>
              <a:gd name="connsiteX8" fmla="*/ 2738438 w 3606800"/>
              <a:gd name="connsiteY8" fmla="*/ 497545 h 569463"/>
              <a:gd name="connsiteX9" fmla="*/ 3057525 w 3606800"/>
              <a:gd name="connsiteY9" fmla="*/ 9263 h 569463"/>
              <a:gd name="connsiteX10" fmla="*/ 3357563 w 3606800"/>
              <a:gd name="connsiteY10" fmla="*/ 508652 h 569463"/>
              <a:gd name="connsiteX11" fmla="*/ 3606800 w 3606800"/>
              <a:gd name="connsiteY11" fmla="*/ 561660 h 569463"/>
              <a:gd name="connsiteX0" fmla="*/ 0 w 3606800"/>
              <a:gd name="connsiteY0" fmla="*/ 437645 h 566098"/>
              <a:gd name="connsiteX1" fmla="*/ 292100 w 3606800"/>
              <a:gd name="connsiteY1" fmla="*/ 21077 h 566098"/>
              <a:gd name="connsiteX2" fmla="*/ 427038 w 3606800"/>
              <a:gd name="connsiteY2" fmla="*/ 436994 h 566098"/>
              <a:gd name="connsiteX3" fmla="*/ 622300 w 3606800"/>
              <a:gd name="connsiteY3" fmla="*/ 336045 h 566098"/>
              <a:gd name="connsiteX4" fmla="*/ 854075 w 3606800"/>
              <a:gd name="connsiteY4" fmla="*/ 357012 h 566098"/>
              <a:gd name="connsiteX5" fmla="*/ 1135062 w 3606800"/>
              <a:gd name="connsiteY5" fmla="*/ 1087 h 566098"/>
              <a:gd name="connsiteX6" fmla="*/ 1468438 w 3606800"/>
              <a:gd name="connsiteY6" fmla="*/ 489729 h 566098"/>
              <a:gd name="connsiteX7" fmla="*/ 2085975 w 3606800"/>
              <a:gd name="connsiteY7" fmla="*/ 518604 h 566098"/>
              <a:gd name="connsiteX8" fmla="*/ 2738438 w 3606800"/>
              <a:gd name="connsiteY8" fmla="*/ 494180 h 566098"/>
              <a:gd name="connsiteX9" fmla="*/ 3057525 w 3606800"/>
              <a:gd name="connsiteY9" fmla="*/ 5898 h 566098"/>
              <a:gd name="connsiteX10" fmla="*/ 3357563 w 3606800"/>
              <a:gd name="connsiteY10" fmla="*/ 505287 h 566098"/>
              <a:gd name="connsiteX11" fmla="*/ 3606800 w 3606800"/>
              <a:gd name="connsiteY11" fmla="*/ 558295 h 566098"/>
              <a:gd name="connsiteX0" fmla="*/ 0 w 3606800"/>
              <a:gd name="connsiteY0" fmla="*/ 437645 h 566098"/>
              <a:gd name="connsiteX1" fmla="*/ 292100 w 3606800"/>
              <a:gd name="connsiteY1" fmla="*/ 21077 h 566098"/>
              <a:gd name="connsiteX2" fmla="*/ 460375 w 3606800"/>
              <a:gd name="connsiteY2" fmla="*/ 436994 h 566098"/>
              <a:gd name="connsiteX3" fmla="*/ 622300 w 3606800"/>
              <a:gd name="connsiteY3" fmla="*/ 336045 h 566098"/>
              <a:gd name="connsiteX4" fmla="*/ 854075 w 3606800"/>
              <a:gd name="connsiteY4" fmla="*/ 357012 h 566098"/>
              <a:gd name="connsiteX5" fmla="*/ 1135062 w 3606800"/>
              <a:gd name="connsiteY5" fmla="*/ 1087 h 566098"/>
              <a:gd name="connsiteX6" fmla="*/ 1468438 w 3606800"/>
              <a:gd name="connsiteY6" fmla="*/ 489729 h 566098"/>
              <a:gd name="connsiteX7" fmla="*/ 2085975 w 3606800"/>
              <a:gd name="connsiteY7" fmla="*/ 518604 h 566098"/>
              <a:gd name="connsiteX8" fmla="*/ 2738438 w 3606800"/>
              <a:gd name="connsiteY8" fmla="*/ 494180 h 566098"/>
              <a:gd name="connsiteX9" fmla="*/ 3057525 w 3606800"/>
              <a:gd name="connsiteY9" fmla="*/ 5898 h 566098"/>
              <a:gd name="connsiteX10" fmla="*/ 3357563 w 3606800"/>
              <a:gd name="connsiteY10" fmla="*/ 505287 h 566098"/>
              <a:gd name="connsiteX11" fmla="*/ 3606800 w 3606800"/>
              <a:gd name="connsiteY11" fmla="*/ 558295 h 566098"/>
              <a:gd name="connsiteX0" fmla="*/ 0 w 3606800"/>
              <a:gd name="connsiteY0" fmla="*/ 437645 h 566098"/>
              <a:gd name="connsiteX1" fmla="*/ 311150 w 3606800"/>
              <a:gd name="connsiteY1" fmla="*/ 31552 h 566098"/>
              <a:gd name="connsiteX2" fmla="*/ 460375 w 3606800"/>
              <a:gd name="connsiteY2" fmla="*/ 436994 h 566098"/>
              <a:gd name="connsiteX3" fmla="*/ 622300 w 3606800"/>
              <a:gd name="connsiteY3" fmla="*/ 336045 h 566098"/>
              <a:gd name="connsiteX4" fmla="*/ 854075 w 3606800"/>
              <a:gd name="connsiteY4" fmla="*/ 357012 h 566098"/>
              <a:gd name="connsiteX5" fmla="*/ 1135062 w 3606800"/>
              <a:gd name="connsiteY5" fmla="*/ 1087 h 566098"/>
              <a:gd name="connsiteX6" fmla="*/ 1468438 w 3606800"/>
              <a:gd name="connsiteY6" fmla="*/ 489729 h 566098"/>
              <a:gd name="connsiteX7" fmla="*/ 2085975 w 3606800"/>
              <a:gd name="connsiteY7" fmla="*/ 518604 h 566098"/>
              <a:gd name="connsiteX8" fmla="*/ 2738438 w 3606800"/>
              <a:gd name="connsiteY8" fmla="*/ 494180 h 566098"/>
              <a:gd name="connsiteX9" fmla="*/ 3057525 w 3606800"/>
              <a:gd name="connsiteY9" fmla="*/ 5898 h 566098"/>
              <a:gd name="connsiteX10" fmla="*/ 3357563 w 3606800"/>
              <a:gd name="connsiteY10" fmla="*/ 505287 h 566098"/>
              <a:gd name="connsiteX11" fmla="*/ 3606800 w 3606800"/>
              <a:gd name="connsiteY11" fmla="*/ 558295 h 566098"/>
              <a:gd name="connsiteX0" fmla="*/ 0 w 3606800"/>
              <a:gd name="connsiteY0" fmla="*/ 437645 h 566098"/>
              <a:gd name="connsiteX1" fmla="*/ 311150 w 3606800"/>
              <a:gd name="connsiteY1" fmla="*/ 7111 h 566098"/>
              <a:gd name="connsiteX2" fmla="*/ 460375 w 3606800"/>
              <a:gd name="connsiteY2" fmla="*/ 436994 h 566098"/>
              <a:gd name="connsiteX3" fmla="*/ 622300 w 3606800"/>
              <a:gd name="connsiteY3" fmla="*/ 336045 h 566098"/>
              <a:gd name="connsiteX4" fmla="*/ 854075 w 3606800"/>
              <a:gd name="connsiteY4" fmla="*/ 357012 h 566098"/>
              <a:gd name="connsiteX5" fmla="*/ 1135062 w 3606800"/>
              <a:gd name="connsiteY5" fmla="*/ 1087 h 566098"/>
              <a:gd name="connsiteX6" fmla="*/ 1468438 w 3606800"/>
              <a:gd name="connsiteY6" fmla="*/ 489729 h 566098"/>
              <a:gd name="connsiteX7" fmla="*/ 2085975 w 3606800"/>
              <a:gd name="connsiteY7" fmla="*/ 518604 h 566098"/>
              <a:gd name="connsiteX8" fmla="*/ 2738438 w 3606800"/>
              <a:gd name="connsiteY8" fmla="*/ 494180 h 566098"/>
              <a:gd name="connsiteX9" fmla="*/ 3057525 w 3606800"/>
              <a:gd name="connsiteY9" fmla="*/ 5898 h 566098"/>
              <a:gd name="connsiteX10" fmla="*/ 3357563 w 3606800"/>
              <a:gd name="connsiteY10" fmla="*/ 505287 h 566098"/>
              <a:gd name="connsiteX11" fmla="*/ 3606800 w 3606800"/>
              <a:gd name="connsiteY11" fmla="*/ 558295 h 566098"/>
              <a:gd name="connsiteX0" fmla="*/ 0 w 3606800"/>
              <a:gd name="connsiteY0" fmla="*/ 437645 h 566098"/>
              <a:gd name="connsiteX1" fmla="*/ 301625 w 3606800"/>
              <a:gd name="connsiteY1" fmla="*/ 14094 h 566098"/>
              <a:gd name="connsiteX2" fmla="*/ 460375 w 3606800"/>
              <a:gd name="connsiteY2" fmla="*/ 436994 h 566098"/>
              <a:gd name="connsiteX3" fmla="*/ 622300 w 3606800"/>
              <a:gd name="connsiteY3" fmla="*/ 336045 h 566098"/>
              <a:gd name="connsiteX4" fmla="*/ 854075 w 3606800"/>
              <a:gd name="connsiteY4" fmla="*/ 357012 h 566098"/>
              <a:gd name="connsiteX5" fmla="*/ 1135062 w 3606800"/>
              <a:gd name="connsiteY5" fmla="*/ 1087 h 566098"/>
              <a:gd name="connsiteX6" fmla="*/ 1468438 w 3606800"/>
              <a:gd name="connsiteY6" fmla="*/ 489729 h 566098"/>
              <a:gd name="connsiteX7" fmla="*/ 2085975 w 3606800"/>
              <a:gd name="connsiteY7" fmla="*/ 518604 h 566098"/>
              <a:gd name="connsiteX8" fmla="*/ 2738438 w 3606800"/>
              <a:gd name="connsiteY8" fmla="*/ 494180 h 566098"/>
              <a:gd name="connsiteX9" fmla="*/ 3057525 w 3606800"/>
              <a:gd name="connsiteY9" fmla="*/ 5898 h 566098"/>
              <a:gd name="connsiteX10" fmla="*/ 3357563 w 3606800"/>
              <a:gd name="connsiteY10" fmla="*/ 505287 h 566098"/>
              <a:gd name="connsiteX11" fmla="*/ 3606800 w 3606800"/>
              <a:gd name="connsiteY11" fmla="*/ 558295 h 566098"/>
              <a:gd name="connsiteX0" fmla="*/ 0 w 3606800"/>
              <a:gd name="connsiteY0" fmla="*/ 437645 h 566098"/>
              <a:gd name="connsiteX1" fmla="*/ 301625 w 3606800"/>
              <a:gd name="connsiteY1" fmla="*/ 14094 h 566098"/>
              <a:gd name="connsiteX2" fmla="*/ 460375 w 3606800"/>
              <a:gd name="connsiteY2" fmla="*/ 436994 h 566098"/>
              <a:gd name="connsiteX3" fmla="*/ 622300 w 3606800"/>
              <a:gd name="connsiteY3" fmla="*/ 336045 h 566098"/>
              <a:gd name="connsiteX4" fmla="*/ 854075 w 3606800"/>
              <a:gd name="connsiteY4" fmla="*/ 357012 h 566098"/>
              <a:gd name="connsiteX5" fmla="*/ 1135062 w 3606800"/>
              <a:gd name="connsiteY5" fmla="*/ 1087 h 566098"/>
              <a:gd name="connsiteX6" fmla="*/ 1468438 w 3606800"/>
              <a:gd name="connsiteY6" fmla="*/ 489729 h 566098"/>
              <a:gd name="connsiteX7" fmla="*/ 2085975 w 3606800"/>
              <a:gd name="connsiteY7" fmla="*/ 518604 h 566098"/>
              <a:gd name="connsiteX8" fmla="*/ 2738438 w 3606800"/>
              <a:gd name="connsiteY8" fmla="*/ 494180 h 566098"/>
              <a:gd name="connsiteX9" fmla="*/ 3057525 w 3606800"/>
              <a:gd name="connsiteY9" fmla="*/ 5898 h 566098"/>
              <a:gd name="connsiteX10" fmla="*/ 3357563 w 3606800"/>
              <a:gd name="connsiteY10" fmla="*/ 505287 h 566098"/>
              <a:gd name="connsiteX11" fmla="*/ 3606800 w 3606800"/>
              <a:gd name="connsiteY11" fmla="*/ 558295 h 566098"/>
              <a:gd name="connsiteX0" fmla="*/ 0 w 3606800"/>
              <a:gd name="connsiteY0" fmla="*/ 437645 h 566098"/>
              <a:gd name="connsiteX1" fmla="*/ 301625 w 3606800"/>
              <a:gd name="connsiteY1" fmla="*/ 14094 h 566098"/>
              <a:gd name="connsiteX2" fmla="*/ 474663 w 3606800"/>
              <a:gd name="connsiteY2" fmla="*/ 440486 h 566098"/>
              <a:gd name="connsiteX3" fmla="*/ 622300 w 3606800"/>
              <a:gd name="connsiteY3" fmla="*/ 336045 h 566098"/>
              <a:gd name="connsiteX4" fmla="*/ 854075 w 3606800"/>
              <a:gd name="connsiteY4" fmla="*/ 357012 h 566098"/>
              <a:gd name="connsiteX5" fmla="*/ 1135062 w 3606800"/>
              <a:gd name="connsiteY5" fmla="*/ 1087 h 566098"/>
              <a:gd name="connsiteX6" fmla="*/ 1468438 w 3606800"/>
              <a:gd name="connsiteY6" fmla="*/ 489729 h 566098"/>
              <a:gd name="connsiteX7" fmla="*/ 2085975 w 3606800"/>
              <a:gd name="connsiteY7" fmla="*/ 518604 h 566098"/>
              <a:gd name="connsiteX8" fmla="*/ 2738438 w 3606800"/>
              <a:gd name="connsiteY8" fmla="*/ 494180 h 566098"/>
              <a:gd name="connsiteX9" fmla="*/ 3057525 w 3606800"/>
              <a:gd name="connsiteY9" fmla="*/ 5898 h 566098"/>
              <a:gd name="connsiteX10" fmla="*/ 3357563 w 3606800"/>
              <a:gd name="connsiteY10" fmla="*/ 505287 h 566098"/>
              <a:gd name="connsiteX11" fmla="*/ 3606800 w 3606800"/>
              <a:gd name="connsiteY11" fmla="*/ 558295 h 566098"/>
              <a:gd name="connsiteX0" fmla="*/ 0 w 3606800"/>
              <a:gd name="connsiteY0" fmla="*/ 437645 h 566098"/>
              <a:gd name="connsiteX1" fmla="*/ 301625 w 3606800"/>
              <a:gd name="connsiteY1" fmla="*/ 14094 h 566098"/>
              <a:gd name="connsiteX2" fmla="*/ 474663 w 3606800"/>
              <a:gd name="connsiteY2" fmla="*/ 440486 h 566098"/>
              <a:gd name="connsiteX3" fmla="*/ 622300 w 3606800"/>
              <a:gd name="connsiteY3" fmla="*/ 336045 h 566098"/>
              <a:gd name="connsiteX4" fmla="*/ 854075 w 3606800"/>
              <a:gd name="connsiteY4" fmla="*/ 357012 h 566098"/>
              <a:gd name="connsiteX5" fmla="*/ 1154112 w 3606800"/>
              <a:gd name="connsiteY5" fmla="*/ 1087 h 566098"/>
              <a:gd name="connsiteX6" fmla="*/ 1468438 w 3606800"/>
              <a:gd name="connsiteY6" fmla="*/ 489729 h 566098"/>
              <a:gd name="connsiteX7" fmla="*/ 2085975 w 3606800"/>
              <a:gd name="connsiteY7" fmla="*/ 518604 h 566098"/>
              <a:gd name="connsiteX8" fmla="*/ 2738438 w 3606800"/>
              <a:gd name="connsiteY8" fmla="*/ 494180 h 566098"/>
              <a:gd name="connsiteX9" fmla="*/ 3057525 w 3606800"/>
              <a:gd name="connsiteY9" fmla="*/ 5898 h 566098"/>
              <a:gd name="connsiteX10" fmla="*/ 3357563 w 3606800"/>
              <a:gd name="connsiteY10" fmla="*/ 505287 h 566098"/>
              <a:gd name="connsiteX11" fmla="*/ 3606800 w 3606800"/>
              <a:gd name="connsiteY11" fmla="*/ 558295 h 566098"/>
              <a:gd name="connsiteX0" fmla="*/ 0 w 3606800"/>
              <a:gd name="connsiteY0" fmla="*/ 436562 h 565015"/>
              <a:gd name="connsiteX1" fmla="*/ 301625 w 3606800"/>
              <a:gd name="connsiteY1" fmla="*/ 13011 h 565015"/>
              <a:gd name="connsiteX2" fmla="*/ 474663 w 3606800"/>
              <a:gd name="connsiteY2" fmla="*/ 439403 h 565015"/>
              <a:gd name="connsiteX3" fmla="*/ 622300 w 3606800"/>
              <a:gd name="connsiteY3" fmla="*/ 334962 h 565015"/>
              <a:gd name="connsiteX4" fmla="*/ 854075 w 3606800"/>
              <a:gd name="connsiteY4" fmla="*/ 355929 h 565015"/>
              <a:gd name="connsiteX5" fmla="*/ 1154112 w 3606800"/>
              <a:gd name="connsiteY5" fmla="*/ 4 h 565015"/>
              <a:gd name="connsiteX6" fmla="*/ 1468438 w 3606800"/>
              <a:gd name="connsiteY6" fmla="*/ 488646 h 565015"/>
              <a:gd name="connsiteX7" fmla="*/ 2085975 w 3606800"/>
              <a:gd name="connsiteY7" fmla="*/ 517521 h 565015"/>
              <a:gd name="connsiteX8" fmla="*/ 2738438 w 3606800"/>
              <a:gd name="connsiteY8" fmla="*/ 493097 h 565015"/>
              <a:gd name="connsiteX9" fmla="*/ 3057525 w 3606800"/>
              <a:gd name="connsiteY9" fmla="*/ 4815 h 565015"/>
              <a:gd name="connsiteX10" fmla="*/ 3357563 w 3606800"/>
              <a:gd name="connsiteY10" fmla="*/ 504204 h 565015"/>
              <a:gd name="connsiteX11" fmla="*/ 3606800 w 3606800"/>
              <a:gd name="connsiteY11" fmla="*/ 557212 h 565015"/>
              <a:gd name="connsiteX0" fmla="*/ 0 w 3606800"/>
              <a:gd name="connsiteY0" fmla="*/ 436562 h 560473"/>
              <a:gd name="connsiteX1" fmla="*/ 301625 w 3606800"/>
              <a:gd name="connsiteY1" fmla="*/ 13011 h 560473"/>
              <a:gd name="connsiteX2" fmla="*/ 474663 w 3606800"/>
              <a:gd name="connsiteY2" fmla="*/ 439403 h 560473"/>
              <a:gd name="connsiteX3" fmla="*/ 622300 w 3606800"/>
              <a:gd name="connsiteY3" fmla="*/ 334962 h 560473"/>
              <a:gd name="connsiteX4" fmla="*/ 854075 w 3606800"/>
              <a:gd name="connsiteY4" fmla="*/ 355929 h 560473"/>
              <a:gd name="connsiteX5" fmla="*/ 1154112 w 3606800"/>
              <a:gd name="connsiteY5" fmla="*/ 4 h 560473"/>
              <a:gd name="connsiteX6" fmla="*/ 1468438 w 3606800"/>
              <a:gd name="connsiteY6" fmla="*/ 488646 h 560473"/>
              <a:gd name="connsiteX7" fmla="*/ 2085975 w 3606800"/>
              <a:gd name="connsiteY7" fmla="*/ 517521 h 560473"/>
              <a:gd name="connsiteX8" fmla="*/ 2738438 w 3606800"/>
              <a:gd name="connsiteY8" fmla="*/ 493097 h 560473"/>
              <a:gd name="connsiteX9" fmla="*/ 3057525 w 3606800"/>
              <a:gd name="connsiteY9" fmla="*/ 4815 h 560473"/>
              <a:gd name="connsiteX10" fmla="*/ 3357563 w 3606800"/>
              <a:gd name="connsiteY10" fmla="*/ 504204 h 560473"/>
              <a:gd name="connsiteX11" fmla="*/ 3606800 w 3606800"/>
              <a:gd name="connsiteY11" fmla="*/ 557212 h 560473"/>
              <a:gd name="connsiteX0" fmla="*/ 0 w 3606800"/>
              <a:gd name="connsiteY0" fmla="*/ 436562 h 557212"/>
              <a:gd name="connsiteX1" fmla="*/ 301625 w 3606800"/>
              <a:gd name="connsiteY1" fmla="*/ 13011 h 557212"/>
              <a:gd name="connsiteX2" fmla="*/ 474663 w 3606800"/>
              <a:gd name="connsiteY2" fmla="*/ 439403 h 557212"/>
              <a:gd name="connsiteX3" fmla="*/ 622300 w 3606800"/>
              <a:gd name="connsiteY3" fmla="*/ 334962 h 557212"/>
              <a:gd name="connsiteX4" fmla="*/ 854075 w 3606800"/>
              <a:gd name="connsiteY4" fmla="*/ 355929 h 557212"/>
              <a:gd name="connsiteX5" fmla="*/ 1154112 w 3606800"/>
              <a:gd name="connsiteY5" fmla="*/ 4 h 557212"/>
              <a:gd name="connsiteX6" fmla="*/ 1468438 w 3606800"/>
              <a:gd name="connsiteY6" fmla="*/ 488646 h 557212"/>
              <a:gd name="connsiteX7" fmla="*/ 2085975 w 3606800"/>
              <a:gd name="connsiteY7" fmla="*/ 517521 h 557212"/>
              <a:gd name="connsiteX8" fmla="*/ 2738438 w 3606800"/>
              <a:gd name="connsiteY8" fmla="*/ 493097 h 557212"/>
              <a:gd name="connsiteX9" fmla="*/ 3057525 w 3606800"/>
              <a:gd name="connsiteY9" fmla="*/ 4815 h 557212"/>
              <a:gd name="connsiteX10" fmla="*/ 3287713 w 3606800"/>
              <a:gd name="connsiteY10" fmla="*/ 345917 h 557212"/>
              <a:gd name="connsiteX11" fmla="*/ 3606800 w 3606800"/>
              <a:gd name="connsiteY11" fmla="*/ 557212 h 557212"/>
              <a:gd name="connsiteX0" fmla="*/ 0 w 3606800"/>
              <a:gd name="connsiteY0" fmla="*/ 436562 h 557212"/>
              <a:gd name="connsiteX1" fmla="*/ 301625 w 3606800"/>
              <a:gd name="connsiteY1" fmla="*/ 13011 h 557212"/>
              <a:gd name="connsiteX2" fmla="*/ 474663 w 3606800"/>
              <a:gd name="connsiteY2" fmla="*/ 439403 h 557212"/>
              <a:gd name="connsiteX3" fmla="*/ 622300 w 3606800"/>
              <a:gd name="connsiteY3" fmla="*/ 334962 h 557212"/>
              <a:gd name="connsiteX4" fmla="*/ 854075 w 3606800"/>
              <a:gd name="connsiteY4" fmla="*/ 355929 h 557212"/>
              <a:gd name="connsiteX5" fmla="*/ 1154112 w 3606800"/>
              <a:gd name="connsiteY5" fmla="*/ 4 h 557212"/>
              <a:gd name="connsiteX6" fmla="*/ 1468438 w 3606800"/>
              <a:gd name="connsiteY6" fmla="*/ 488646 h 557212"/>
              <a:gd name="connsiteX7" fmla="*/ 2085975 w 3606800"/>
              <a:gd name="connsiteY7" fmla="*/ 517521 h 557212"/>
              <a:gd name="connsiteX8" fmla="*/ 2738438 w 3606800"/>
              <a:gd name="connsiteY8" fmla="*/ 493097 h 557212"/>
              <a:gd name="connsiteX9" fmla="*/ 3057525 w 3606800"/>
              <a:gd name="connsiteY9" fmla="*/ 4815 h 557212"/>
              <a:gd name="connsiteX10" fmla="*/ 3287713 w 3606800"/>
              <a:gd name="connsiteY10" fmla="*/ 345917 h 557212"/>
              <a:gd name="connsiteX11" fmla="*/ 3606800 w 3606800"/>
              <a:gd name="connsiteY11" fmla="*/ 557212 h 557212"/>
              <a:gd name="connsiteX0" fmla="*/ 0 w 3606800"/>
              <a:gd name="connsiteY0" fmla="*/ 436562 h 557212"/>
              <a:gd name="connsiteX1" fmla="*/ 301625 w 3606800"/>
              <a:gd name="connsiteY1" fmla="*/ 13011 h 557212"/>
              <a:gd name="connsiteX2" fmla="*/ 474663 w 3606800"/>
              <a:gd name="connsiteY2" fmla="*/ 439403 h 557212"/>
              <a:gd name="connsiteX3" fmla="*/ 622300 w 3606800"/>
              <a:gd name="connsiteY3" fmla="*/ 334962 h 557212"/>
              <a:gd name="connsiteX4" fmla="*/ 854075 w 3606800"/>
              <a:gd name="connsiteY4" fmla="*/ 355929 h 557212"/>
              <a:gd name="connsiteX5" fmla="*/ 1154112 w 3606800"/>
              <a:gd name="connsiteY5" fmla="*/ 4 h 557212"/>
              <a:gd name="connsiteX6" fmla="*/ 1468438 w 3606800"/>
              <a:gd name="connsiteY6" fmla="*/ 488646 h 557212"/>
              <a:gd name="connsiteX7" fmla="*/ 2085975 w 3606800"/>
              <a:gd name="connsiteY7" fmla="*/ 517521 h 557212"/>
              <a:gd name="connsiteX8" fmla="*/ 2738438 w 3606800"/>
              <a:gd name="connsiteY8" fmla="*/ 493097 h 557212"/>
              <a:gd name="connsiteX9" fmla="*/ 3057525 w 3606800"/>
              <a:gd name="connsiteY9" fmla="*/ 4815 h 557212"/>
              <a:gd name="connsiteX10" fmla="*/ 3252788 w 3606800"/>
              <a:gd name="connsiteY10" fmla="*/ 376177 h 557212"/>
              <a:gd name="connsiteX11" fmla="*/ 3606800 w 3606800"/>
              <a:gd name="connsiteY11" fmla="*/ 557212 h 557212"/>
              <a:gd name="connsiteX0" fmla="*/ 27366 w 3634166"/>
              <a:gd name="connsiteY0" fmla="*/ 436562 h 557212"/>
              <a:gd name="connsiteX1" fmla="*/ 21016 w 3634166"/>
              <a:gd name="connsiteY1" fmla="*/ 439517 h 557212"/>
              <a:gd name="connsiteX2" fmla="*/ 328991 w 3634166"/>
              <a:gd name="connsiteY2" fmla="*/ 13011 h 557212"/>
              <a:gd name="connsiteX3" fmla="*/ 502029 w 3634166"/>
              <a:gd name="connsiteY3" fmla="*/ 439403 h 557212"/>
              <a:gd name="connsiteX4" fmla="*/ 649666 w 3634166"/>
              <a:gd name="connsiteY4" fmla="*/ 334962 h 557212"/>
              <a:gd name="connsiteX5" fmla="*/ 881441 w 3634166"/>
              <a:gd name="connsiteY5" fmla="*/ 355929 h 557212"/>
              <a:gd name="connsiteX6" fmla="*/ 1181478 w 3634166"/>
              <a:gd name="connsiteY6" fmla="*/ 4 h 557212"/>
              <a:gd name="connsiteX7" fmla="*/ 1495804 w 3634166"/>
              <a:gd name="connsiteY7" fmla="*/ 488646 h 557212"/>
              <a:gd name="connsiteX8" fmla="*/ 2113341 w 3634166"/>
              <a:gd name="connsiteY8" fmla="*/ 517521 h 557212"/>
              <a:gd name="connsiteX9" fmla="*/ 2765804 w 3634166"/>
              <a:gd name="connsiteY9" fmla="*/ 493097 h 557212"/>
              <a:gd name="connsiteX10" fmla="*/ 3084891 w 3634166"/>
              <a:gd name="connsiteY10" fmla="*/ 4815 h 557212"/>
              <a:gd name="connsiteX11" fmla="*/ 3280154 w 3634166"/>
              <a:gd name="connsiteY11" fmla="*/ 376177 h 557212"/>
              <a:gd name="connsiteX12" fmla="*/ 3634166 w 3634166"/>
              <a:gd name="connsiteY12" fmla="*/ 557212 h 557212"/>
              <a:gd name="connsiteX0" fmla="*/ 1766 w 3608566"/>
              <a:gd name="connsiteY0" fmla="*/ 436562 h 557212"/>
              <a:gd name="connsiteX1" fmla="*/ 39866 w 3608566"/>
              <a:gd name="connsiteY1" fmla="*/ 376668 h 557212"/>
              <a:gd name="connsiteX2" fmla="*/ 303391 w 3608566"/>
              <a:gd name="connsiteY2" fmla="*/ 13011 h 557212"/>
              <a:gd name="connsiteX3" fmla="*/ 476429 w 3608566"/>
              <a:gd name="connsiteY3" fmla="*/ 439403 h 557212"/>
              <a:gd name="connsiteX4" fmla="*/ 624066 w 3608566"/>
              <a:gd name="connsiteY4" fmla="*/ 334962 h 557212"/>
              <a:gd name="connsiteX5" fmla="*/ 855841 w 3608566"/>
              <a:gd name="connsiteY5" fmla="*/ 355929 h 557212"/>
              <a:gd name="connsiteX6" fmla="*/ 1155878 w 3608566"/>
              <a:gd name="connsiteY6" fmla="*/ 4 h 557212"/>
              <a:gd name="connsiteX7" fmla="*/ 1470204 w 3608566"/>
              <a:gd name="connsiteY7" fmla="*/ 488646 h 557212"/>
              <a:gd name="connsiteX8" fmla="*/ 2087741 w 3608566"/>
              <a:gd name="connsiteY8" fmla="*/ 517521 h 557212"/>
              <a:gd name="connsiteX9" fmla="*/ 2740204 w 3608566"/>
              <a:gd name="connsiteY9" fmla="*/ 493097 h 557212"/>
              <a:gd name="connsiteX10" fmla="*/ 3059291 w 3608566"/>
              <a:gd name="connsiteY10" fmla="*/ 4815 h 557212"/>
              <a:gd name="connsiteX11" fmla="*/ 3254554 w 3608566"/>
              <a:gd name="connsiteY11" fmla="*/ 376177 h 557212"/>
              <a:gd name="connsiteX12" fmla="*/ 3608566 w 3608566"/>
              <a:gd name="connsiteY12" fmla="*/ 557212 h 557212"/>
              <a:gd name="connsiteX0" fmla="*/ 2670 w 3606295"/>
              <a:gd name="connsiteY0" fmla="*/ 569244 h 569245"/>
              <a:gd name="connsiteX1" fmla="*/ 37595 w 3606295"/>
              <a:gd name="connsiteY1" fmla="*/ 376668 h 569245"/>
              <a:gd name="connsiteX2" fmla="*/ 301120 w 3606295"/>
              <a:gd name="connsiteY2" fmla="*/ 13011 h 569245"/>
              <a:gd name="connsiteX3" fmla="*/ 474158 w 3606295"/>
              <a:gd name="connsiteY3" fmla="*/ 439403 h 569245"/>
              <a:gd name="connsiteX4" fmla="*/ 621795 w 3606295"/>
              <a:gd name="connsiteY4" fmla="*/ 334962 h 569245"/>
              <a:gd name="connsiteX5" fmla="*/ 853570 w 3606295"/>
              <a:gd name="connsiteY5" fmla="*/ 355929 h 569245"/>
              <a:gd name="connsiteX6" fmla="*/ 1153607 w 3606295"/>
              <a:gd name="connsiteY6" fmla="*/ 4 h 569245"/>
              <a:gd name="connsiteX7" fmla="*/ 1467933 w 3606295"/>
              <a:gd name="connsiteY7" fmla="*/ 488646 h 569245"/>
              <a:gd name="connsiteX8" fmla="*/ 2085470 w 3606295"/>
              <a:gd name="connsiteY8" fmla="*/ 517521 h 569245"/>
              <a:gd name="connsiteX9" fmla="*/ 2737933 w 3606295"/>
              <a:gd name="connsiteY9" fmla="*/ 493097 h 569245"/>
              <a:gd name="connsiteX10" fmla="*/ 3057020 w 3606295"/>
              <a:gd name="connsiteY10" fmla="*/ 4815 h 569245"/>
              <a:gd name="connsiteX11" fmla="*/ 3252283 w 3606295"/>
              <a:gd name="connsiteY11" fmla="*/ 376177 h 569245"/>
              <a:gd name="connsiteX12" fmla="*/ 3606295 w 3606295"/>
              <a:gd name="connsiteY12" fmla="*/ 557212 h 569245"/>
              <a:gd name="connsiteX0" fmla="*/ 2670 w 3606295"/>
              <a:gd name="connsiteY0" fmla="*/ 527345 h 557212"/>
              <a:gd name="connsiteX1" fmla="*/ 37595 w 3606295"/>
              <a:gd name="connsiteY1" fmla="*/ 376668 h 557212"/>
              <a:gd name="connsiteX2" fmla="*/ 301120 w 3606295"/>
              <a:gd name="connsiteY2" fmla="*/ 13011 h 557212"/>
              <a:gd name="connsiteX3" fmla="*/ 474158 w 3606295"/>
              <a:gd name="connsiteY3" fmla="*/ 439403 h 557212"/>
              <a:gd name="connsiteX4" fmla="*/ 621795 w 3606295"/>
              <a:gd name="connsiteY4" fmla="*/ 334962 h 557212"/>
              <a:gd name="connsiteX5" fmla="*/ 853570 w 3606295"/>
              <a:gd name="connsiteY5" fmla="*/ 355929 h 557212"/>
              <a:gd name="connsiteX6" fmla="*/ 1153607 w 3606295"/>
              <a:gd name="connsiteY6" fmla="*/ 4 h 557212"/>
              <a:gd name="connsiteX7" fmla="*/ 1467933 w 3606295"/>
              <a:gd name="connsiteY7" fmla="*/ 488646 h 557212"/>
              <a:gd name="connsiteX8" fmla="*/ 2085470 w 3606295"/>
              <a:gd name="connsiteY8" fmla="*/ 517521 h 557212"/>
              <a:gd name="connsiteX9" fmla="*/ 2737933 w 3606295"/>
              <a:gd name="connsiteY9" fmla="*/ 493097 h 557212"/>
              <a:gd name="connsiteX10" fmla="*/ 3057020 w 3606295"/>
              <a:gd name="connsiteY10" fmla="*/ 4815 h 557212"/>
              <a:gd name="connsiteX11" fmla="*/ 3252283 w 3606295"/>
              <a:gd name="connsiteY11" fmla="*/ 376177 h 557212"/>
              <a:gd name="connsiteX12" fmla="*/ 3606295 w 3606295"/>
              <a:gd name="connsiteY12" fmla="*/ 557212 h 557212"/>
              <a:gd name="connsiteX0" fmla="*/ 1080 w 3611055"/>
              <a:gd name="connsiteY0" fmla="*/ 564589 h 564590"/>
              <a:gd name="connsiteX1" fmla="*/ 42355 w 3611055"/>
              <a:gd name="connsiteY1" fmla="*/ 376668 h 564590"/>
              <a:gd name="connsiteX2" fmla="*/ 305880 w 3611055"/>
              <a:gd name="connsiteY2" fmla="*/ 13011 h 564590"/>
              <a:gd name="connsiteX3" fmla="*/ 478918 w 3611055"/>
              <a:gd name="connsiteY3" fmla="*/ 439403 h 564590"/>
              <a:gd name="connsiteX4" fmla="*/ 626555 w 3611055"/>
              <a:gd name="connsiteY4" fmla="*/ 334962 h 564590"/>
              <a:gd name="connsiteX5" fmla="*/ 858330 w 3611055"/>
              <a:gd name="connsiteY5" fmla="*/ 355929 h 564590"/>
              <a:gd name="connsiteX6" fmla="*/ 1158367 w 3611055"/>
              <a:gd name="connsiteY6" fmla="*/ 4 h 564590"/>
              <a:gd name="connsiteX7" fmla="*/ 1472693 w 3611055"/>
              <a:gd name="connsiteY7" fmla="*/ 488646 h 564590"/>
              <a:gd name="connsiteX8" fmla="*/ 2090230 w 3611055"/>
              <a:gd name="connsiteY8" fmla="*/ 517521 h 564590"/>
              <a:gd name="connsiteX9" fmla="*/ 2742693 w 3611055"/>
              <a:gd name="connsiteY9" fmla="*/ 493097 h 564590"/>
              <a:gd name="connsiteX10" fmla="*/ 3061780 w 3611055"/>
              <a:gd name="connsiteY10" fmla="*/ 4815 h 564590"/>
              <a:gd name="connsiteX11" fmla="*/ 3257043 w 3611055"/>
              <a:gd name="connsiteY11" fmla="*/ 376177 h 564590"/>
              <a:gd name="connsiteX12" fmla="*/ 3611055 w 3611055"/>
              <a:gd name="connsiteY12" fmla="*/ 557212 h 564590"/>
              <a:gd name="connsiteX0" fmla="*/ 2670 w 3606295"/>
              <a:gd name="connsiteY0" fmla="*/ 550623 h 557212"/>
              <a:gd name="connsiteX1" fmla="*/ 37595 w 3606295"/>
              <a:gd name="connsiteY1" fmla="*/ 376668 h 557212"/>
              <a:gd name="connsiteX2" fmla="*/ 301120 w 3606295"/>
              <a:gd name="connsiteY2" fmla="*/ 13011 h 557212"/>
              <a:gd name="connsiteX3" fmla="*/ 474158 w 3606295"/>
              <a:gd name="connsiteY3" fmla="*/ 439403 h 557212"/>
              <a:gd name="connsiteX4" fmla="*/ 621795 w 3606295"/>
              <a:gd name="connsiteY4" fmla="*/ 334962 h 557212"/>
              <a:gd name="connsiteX5" fmla="*/ 853570 w 3606295"/>
              <a:gd name="connsiteY5" fmla="*/ 355929 h 557212"/>
              <a:gd name="connsiteX6" fmla="*/ 1153607 w 3606295"/>
              <a:gd name="connsiteY6" fmla="*/ 4 h 557212"/>
              <a:gd name="connsiteX7" fmla="*/ 1467933 w 3606295"/>
              <a:gd name="connsiteY7" fmla="*/ 488646 h 557212"/>
              <a:gd name="connsiteX8" fmla="*/ 2085470 w 3606295"/>
              <a:gd name="connsiteY8" fmla="*/ 517521 h 557212"/>
              <a:gd name="connsiteX9" fmla="*/ 2737933 w 3606295"/>
              <a:gd name="connsiteY9" fmla="*/ 493097 h 557212"/>
              <a:gd name="connsiteX10" fmla="*/ 3057020 w 3606295"/>
              <a:gd name="connsiteY10" fmla="*/ 4815 h 557212"/>
              <a:gd name="connsiteX11" fmla="*/ 3252283 w 3606295"/>
              <a:gd name="connsiteY11" fmla="*/ 376177 h 557212"/>
              <a:gd name="connsiteX12" fmla="*/ 3606295 w 3606295"/>
              <a:gd name="connsiteY12" fmla="*/ 557212 h 557212"/>
              <a:gd name="connsiteX0" fmla="*/ 3781 w 3604231"/>
              <a:gd name="connsiteY0" fmla="*/ 562262 h 562263"/>
              <a:gd name="connsiteX1" fmla="*/ 35531 w 3604231"/>
              <a:gd name="connsiteY1" fmla="*/ 376668 h 562263"/>
              <a:gd name="connsiteX2" fmla="*/ 299056 w 3604231"/>
              <a:gd name="connsiteY2" fmla="*/ 13011 h 562263"/>
              <a:gd name="connsiteX3" fmla="*/ 472094 w 3604231"/>
              <a:gd name="connsiteY3" fmla="*/ 439403 h 562263"/>
              <a:gd name="connsiteX4" fmla="*/ 619731 w 3604231"/>
              <a:gd name="connsiteY4" fmla="*/ 334962 h 562263"/>
              <a:gd name="connsiteX5" fmla="*/ 851506 w 3604231"/>
              <a:gd name="connsiteY5" fmla="*/ 355929 h 562263"/>
              <a:gd name="connsiteX6" fmla="*/ 1151543 w 3604231"/>
              <a:gd name="connsiteY6" fmla="*/ 4 h 562263"/>
              <a:gd name="connsiteX7" fmla="*/ 1465869 w 3604231"/>
              <a:gd name="connsiteY7" fmla="*/ 488646 h 562263"/>
              <a:gd name="connsiteX8" fmla="*/ 2083406 w 3604231"/>
              <a:gd name="connsiteY8" fmla="*/ 517521 h 562263"/>
              <a:gd name="connsiteX9" fmla="*/ 2735869 w 3604231"/>
              <a:gd name="connsiteY9" fmla="*/ 493097 h 562263"/>
              <a:gd name="connsiteX10" fmla="*/ 3054956 w 3604231"/>
              <a:gd name="connsiteY10" fmla="*/ 4815 h 562263"/>
              <a:gd name="connsiteX11" fmla="*/ 3250219 w 3604231"/>
              <a:gd name="connsiteY11" fmla="*/ 376177 h 562263"/>
              <a:gd name="connsiteX12" fmla="*/ 3604231 w 3604231"/>
              <a:gd name="connsiteY12" fmla="*/ 557212 h 562263"/>
              <a:gd name="connsiteX0" fmla="*/ 29837 w 3630287"/>
              <a:gd name="connsiteY0" fmla="*/ 562262 h 562264"/>
              <a:gd name="connsiteX1" fmla="*/ 20312 w 3630287"/>
              <a:gd name="connsiteY1" fmla="*/ 413912 h 562264"/>
              <a:gd name="connsiteX2" fmla="*/ 325112 w 3630287"/>
              <a:gd name="connsiteY2" fmla="*/ 13011 h 562264"/>
              <a:gd name="connsiteX3" fmla="*/ 498150 w 3630287"/>
              <a:gd name="connsiteY3" fmla="*/ 439403 h 562264"/>
              <a:gd name="connsiteX4" fmla="*/ 645787 w 3630287"/>
              <a:gd name="connsiteY4" fmla="*/ 334962 h 562264"/>
              <a:gd name="connsiteX5" fmla="*/ 877562 w 3630287"/>
              <a:gd name="connsiteY5" fmla="*/ 355929 h 562264"/>
              <a:gd name="connsiteX6" fmla="*/ 1177599 w 3630287"/>
              <a:gd name="connsiteY6" fmla="*/ 4 h 562264"/>
              <a:gd name="connsiteX7" fmla="*/ 1491925 w 3630287"/>
              <a:gd name="connsiteY7" fmla="*/ 488646 h 562264"/>
              <a:gd name="connsiteX8" fmla="*/ 2109462 w 3630287"/>
              <a:gd name="connsiteY8" fmla="*/ 517521 h 562264"/>
              <a:gd name="connsiteX9" fmla="*/ 2761925 w 3630287"/>
              <a:gd name="connsiteY9" fmla="*/ 493097 h 562264"/>
              <a:gd name="connsiteX10" fmla="*/ 3081012 w 3630287"/>
              <a:gd name="connsiteY10" fmla="*/ 4815 h 562264"/>
              <a:gd name="connsiteX11" fmla="*/ 3276275 w 3630287"/>
              <a:gd name="connsiteY11" fmla="*/ 376177 h 562264"/>
              <a:gd name="connsiteX12" fmla="*/ 3630287 w 3630287"/>
              <a:gd name="connsiteY12" fmla="*/ 557212 h 562264"/>
              <a:gd name="connsiteX0" fmla="*/ 9525 w 3609975"/>
              <a:gd name="connsiteY0" fmla="*/ 562262 h 562263"/>
              <a:gd name="connsiteX1" fmla="*/ 0 w 3609975"/>
              <a:gd name="connsiteY1" fmla="*/ 413912 h 562263"/>
              <a:gd name="connsiteX2" fmla="*/ 304800 w 3609975"/>
              <a:gd name="connsiteY2" fmla="*/ 13011 h 562263"/>
              <a:gd name="connsiteX3" fmla="*/ 477838 w 3609975"/>
              <a:gd name="connsiteY3" fmla="*/ 439403 h 562263"/>
              <a:gd name="connsiteX4" fmla="*/ 625475 w 3609975"/>
              <a:gd name="connsiteY4" fmla="*/ 334962 h 562263"/>
              <a:gd name="connsiteX5" fmla="*/ 857250 w 3609975"/>
              <a:gd name="connsiteY5" fmla="*/ 355929 h 562263"/>
              <a:gd name="connsiteX6" fmla="*/ 1157287 w 3609975"/>
              <a:gd name="connsiteY6" fmla="*/ 4 h 562263"/>
              <a:gd name="connsiteX7" fmla="*/ 1471613 w 3609975"/>
              <a:gd name="connsiteY7" fmla="*/ 488646 h 562263"/>
              <a:gd name="connsiteX8" fmla="*/ 2089150 w 3609975"/>
              <a:gd name="connsiteY8" fmla="*/ 517521 h 562263"/>
              <a:gd name="connsiteX9" fmla="*/ 2741613 w 3609975"/>
              <a:gd name="connsiteY9" fmla="*/ 493097 h 562263"/>
              <a:gd name="connsiteX10" fmla="*/ 3060700 w 3609975"/>
              <a:gd name="connsiteY10" fmla="*/ 4815 h 562263"/>
              <a:gd name="connsiteX11" fmla="*/ 3255963 w 3609975"/>
              <a:gd name="connsiteY11" fmla="*/ 376177 h 562263"/>
              <a:gd name="connsiteX12" fmla="*/ 3609975 w 3609975"/>
              <a:gd name="connsiteY12" fmla="*/ 557212 h 56226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</a:cxnLst>
            <a:rect l="l" t="t" r="r" b="b"/>
            <a:pathLst>
              <a:path w="3609975" h="562263">
                <a:moveTo>
                  <a:pt x="9525" y="562262"/>
                </a:moveTo>
                <a:cubicBezTo>
                  <a:pt x="8467" y="562754"/>
                  <a:pt x="3704" y="442605"/>
                  <a:pt x="0" y="413912"/>
                </a:cubicBezTo>
                <a:cubicBezTo>
                  <a:pt x="50271" y="343320"/>
                  <a:pt x="225160" y="8763"/>
                  <a:pt x="304800" y="13011"/>
                </a:cubicBezTo>
                <a:cubicBezTo>
                  <a:pt x="384440" y="17259"/>
                  <a:pt x="405342" y="438120"/>
                  <a:pt x="477838" y="439403"/>
                </a:cubicBezTo>
                <a:cubicBezTo>
                  <a:pt x="550334" y="440686"/>
                  <a:pt x="562240" y="348874"/>
                  <a:pt x="625475" y="334962"/>
                </a:cubicBezTo>
                <a:cubicBezTo>
                  <a:pt x="688710" y="321050"/>
                  <a:pt x="768615" y="411755"/>
                  <a:pt x="857250" y="355929"/>
                </a:cubicBezTo>
                <a:cubicBezTo>
                  <a:pt x="945885" y="300103"/>
                  <a:pt x="1045368" y="-1166"/>
                  <a:pt x="1157287" y="4"/>
                </a:cubicBezTo>
                <a:cubicBezTo>
                  <a:pt x="1269206" y="1174"/>
                  <a:pt x="1316303" y="402393"/>
                  <a:pt x="1471613" y="488646"/>
                </a:cubicBezTo>
                <a:cubicBezTo>
                  <a:pt x="1626924" y="574899"/>
                  <a:pt x="1877483" y="516779"/>
                  <a:pt x="2089150" y="517521"/>
                </a:cubicBezTo>
                <a:cubicBezTo>
                  <a:pt x="2300817" y="518263"/>
                  <a:pt x="2579688" y="578548"/>
                  <a:pt x="2741613" y="493097"/>
                </a:cubicBezTo>
                <a:cubicBezTo>
                  <a:pt x="2903538" y="407646"/>
                  <a:pt x="2974975" y="24302"/>
                  <a:pt x="3060700" y="4815"/>
                </a:cubicBezTo>
                <a:cubicBezTo>
                  <a:pt x="3146425" y="-14672"/>
                  <a:pt x="3192992" y="228245"/>
                  <a:pt x="3255963" y="376177"/>
                </a:cubicBezTo>
                <a:cubicBezTo>
                  <a:pt x="3318934" y="524109"/>
                  <a:pt x="3460750" y="544515"/>
                  <a:pt x="3609975" y="557212"/>
                </a:cubicBezTo>
              </a:path>
            </a:pathLst>
          </a:custGeom>
          <a:solidFill>
            <a:schemeClr val="accent5">
              <a:lumMod val="75000"/>
            </a:schemeClr>
          </a:solidFill>
          <a:ln w="25400">
            <a:solidFill>
              <a:schemeClr val="accent5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68" name="TextBox 67"/>
          <p:cNvSpPr txBox="1"/>
          <p:nvPr/>
        </p:nvSpPr>
        <p:spPr>
          <a:xfrm>
            <a:off x="4307620" y="2337998"/>
            <a:ext cx="294824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>
                <a:latin typeface="Gentium Basic" panose="02000503060000020004" pitchFamily="2" charset="0"/>
              </a:rPr>
              <a:t>likelihood of correspondence</a:t>
            </a:r>
            <a:endParaRPr lang="de-CH" dirty="0">
              <a:latin typeface="Gentium Basic" panose="02000503060000020004" pitchFamily="2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racking: we’ve got an event!</a:t>
            </a:r>
            <a:endParaRPr lang="de-CH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24368" y="1685606"/>
            <a:ext cx="11157118" cy="4351337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en-US" sz="2400" dirty="0" smtClean="0"/>
              <a:t>Where did we come from? Where was the last event of this pixel generated?</a:t>
            </a:r>
            <a:endParaRPr lang="de-CH" sz="2400" dirty="0"/>
          </a:p>
        </p:txBody>
      </p:sp>
      <p:sp>
        <p:nvSpPr>
          <p:cNvPr id="16" name="Rectangle 15"/>
          <p:cNvSpPr/>
          <p:nvPr/>
        </p:nvSpPr>
        <p:spPr>
          <a:xfrm>
            <a:off x="8075136" y="2709962"/>
            <a:ext cx="3600000" cy="1440000"/>
          </a:xfrm>
          <a:prstGeom prst="rect">
            <a:avLst/>
          </a:prstGeom>
        </p:spPr>
        <p:style>
          <a:lnRef idx="2">
            <a:schemeClr val="accent2"/>
          </a:lnRef>
          <a:fillRef idx="1002">
            <a:schemeClr val="lt2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17" name="Freeform 16"/>
          <p:cNvSpPr/>
          <p:nvPr/>
        </p:nvSpPr>
        <p:spPr>
          <a:xfrm>
            <a:off x="8071511" y="3139953"/>
            <a:ext cx="3609975" cy="1010008"/>
          </a:xfrm>
          <a:custGeom>
            <a:avLst/>
            <a:gdLst>
              <a:gd name="connsiteX0" fmla="*/ 0 w 3597275"/>
              <a:gd name="connsiteY0" fmla="*/ 1144701 h 1187485"/>
              <a:gd name="connsiteX1" fmla="*/ 479425 w 3597275"/>
              <a:gd name="connsiteY1" fmla="*/ 1141526 h 1187485"/>
              <a:gd name="connsiteX2" fmla="*/ 955675 w 3597275"/>
              <a:gd name="connsiteY2" fmla="*/ 674801 h 1187485"/>
              <a:gd name="connsiteX3" fmla="*/ 1200150 w 3597275"/>
              <a:gd name="connsiteY3" fmla="*/ 100126 h 1187485"/>
              <a:gd name="connsiteX4" fmla="*/ 1466850 w 3597275"/>
              <a:gd name="connsiteY4" fmla="*/ 55676 h 1187485"/>
              <a:gd name="connsiteX5" fmla="*/ 1730375 w 3597275"/>
              <a:gd name="connsiteY5" fmla="*/ 677976 h 1187485"/>
              <a:gd name="connsiteX6" fmla="*/ 2365375 w 3597275"/>
              <a:gd name="connsiteY6" fmla="*/ 998651 h 1187485"/>
              <a:gd name="connsiteX7" fmla="*/ 3597275 w 3597275"/>
              <a:gd name="connsiteY7" fmla="*/ 1170101 h 1187485"/>
              <a:gd name="connsiteX0" fmla="*/ 0 w 3597275"/>
              <a:gd name="connsiteY0" fmla="*/ 1144701 h 1170101"/>
              <a:gd name="connsiteX1" fmla="*/ 479425 w 3597275"/>
              <a:gd name="connsiteY1" fmla="*/ 1141526 h 1170101"/>
              <a:gd name="connsiteX2" fmla="*/ 955675 w 3597275"/>
              <a:gd name="connsiteY2" fmla="*/ 674801 h 1170101"/>
              <a:gd name="connsiteX3" fmla="*/ 1200150 w 3597275"/>
              <a:gd name="connsiteY3" fmla="*/ 100126 h 1170101"/>
              <a:gd name="connsiteX4" fmla="*/ 1466850 w 3597275"/>
              <a:gd name="connsiteY4" fmla="*/ 55676 h 1170101"/>
              <a:gd name="connsiteX5" fmla="*/ 1730375 w 3597275"/>
              <a:gd name="connsiteY5" fmla="*/ 677976 h 1170101"/>
              <a:gd name="connsiteX6" fmla="*/ 2365375 w 3597275"/>
              <a:gd name="connsiteY6" fmla="*/ 998651 h 1170101"/>
              <a:gd name="connsiteX7" fmla="*/ 3597275 w 3597275"/>
              <a:gd name="connsiteY7" fmla="*/ 1170101 h 1170101"/>
              <a:gd name="connsiteX0" fmla="*/ 0 w 3597275"/>
              <a:gd name="connsiteY0" fmla="*/ 1144701 h 1170101"/>
              <a:gd name="connsiteX1" fmla="*/ 469900 w 3597275"/>
              <a:gd name="connsiteY1" fmla="*/ 1093901 h 1170101"/>
              <a:gd name="connsiteX2" fmla="*/ 955675 w 3597275"/>
              <a:gd name="connsiteY2" fmla="*/ 674801 h 1170101"/>
              <a:gd name="connsiteX3" fmla="*/ 1200150 w 3597275"/>
              <a:gd name="connsiteY3" fmla="*/ 100126 h 1170101"/>
              <a:gd name="connsiteX4" fmla="*/ 1466850 w 3597275"/>
              <a:gd name="connsiteY4" fmla="*/ 55676 h 1170101"/>
              <a:gd name="connsiteX5" fmla="*/ 1730375 w 3597275"/>
              <a:gd name="connsiteY5" fmla="*/ 677976 h 1170101"/>
              <a:gd name="connsiteX6" fmla="*/ 2365375 w 3597275"/>
              <a:gd name="connsiteY6" fmla="*/ 998651 h 1170101"/>
              <a:gd name="connsiteX7" fmla="*/ 3597275 w 3597275"/>
              <a:gd name="connsiteY7" fmla="*/ 1170101 h 1170101"/>
              <a:gd name="connsiteX0" fmla="*/ 0 w 3597275"/>
              <a:gd name="connsiteY0" fmla="*/ 1176451 h 1191215"/>
              <a:gd name="connsiteX1" fmla="*/ 469900 w 3597275"/>
              <a:gd name="connsiteY1" fmla="*/ 1093901 h 1191215"/>
              <a:gd name="connsiteX2" fmla="*/ 955675 w 3597275"/>
              <a:gd name="connsiteY2" fmla="*/ 674801 h 1191215"/>
              <a:gd name="connsiteX3" fmla="*/ 1200150 w 3597275"/>
              <a:gd name="connsiteY3" fmla="*/ 100126 h 1191215"/>
              <a:gd name="connsiteX4" fmla="*/ 1466850 w 3597275"/>
              <a:gd name="connsiteY4" fmla="*/ 55676 h 1191215"/>
              <a:gd name="connsiteX5" fmla="*/ 1730375 w 3597275"/>
              <a:gd name="connsiteY5" fmla="*/ 677976 h 1191215"/>
              <a:gd name="connsiteX6" fmla="*/ 2365375 w 3597275"/>
              <a:gd name="connsiteY6" fmla="*/ 998651 h 1191215"/>
              <a:gd name="connsiteX7" fmla="*/ 3597275 w 3597275"/>
              <a:gd name="connsiteY7" fmla="*/ 1170101 h 1191215"/>
              <a:gd name="connsiteX0" fmla="*/ 0 w 3597275"/>
              <a:gd name="connsiteY0" fmla="*/ 1176451 h 1176451"/>
              <a:gd name="connsiteX1" fmla="*/ 469900 w 3597275"/>
              <a:gd name="connsiteY1" fmla="*/ 1093901 h 1176451"/>
              <a:gd name="connsiteX2" fmla="*/ 955675 w 3597275"/>
              <a:gd name="connsiteY2" fmla="*/ 674801 h 1176451"/>
              <a:gd name="connsiteX3" fmla="*/ 1200150 w 3597275"/>
              <a:gd name="connsiteY3" fmla="*/ 100126 h 1176451"/>
              <a:gd name="connsiteX4" fmla="*/ 1466850 w 3597275"/>
              <a:gd name="connsiteY4" fmla="*/ 55676 h 1176451"/>
              <a:gd name="connsiteX5" fmla="*/ 1730375 w 3597275"/>
              <a:gd name="connsiteY5" fmla="*/ 677976 h 1176451"/>
              <a:gd name="connsiteX6" fmla="*/ 2365375 w 3597275"/>
              <a:gd name="connsiteY6" fmla="*/ 998651 h 1176451"/>
              <a:gd name="connsiteX7" fmla="*/ 3597275 w 3597275"/>
              <a:gd name="connsiteY7" fmla="*/ 1170101 h 1176451"/>
              <a:gd name="connsiteX0" fmla="*/ 0 w 3597275"/>
              <a:gd name="connsiteY0" fmla="*/ 1176451 h 1176451"/>
              <a:gd name="connsiteX1" fmla="*/ 469900 w 3597275"/>
              <a:gd name="connsiteY1" fmla="*/ 1093901 h 1176451"/>
              <a:gd name="connsiteX2" fmla="*/ 955675 w 3597275"/>
              <a:gd name="connsiteY2" fmla="*/ 674801 h 1176451"/>
              <a:gd name="connsiteX3" fmla="*/ 1200150 w 3597275"/>
              <a:gd name="connsiteY3" fmla="*/ 100126 h 1176451"/>
              <a:gd name="connsiteX4" fmla="*/ 1466850 w 3597275"/>
              <a:gd name="connsiteY4" fmla="*/ 55676 h 1176451"/>
              <a:gd name="connsiteX5" fmla="*/ 1730375 w 3597275"/>
              <a:gd name="connsiteY5" fmla="*/ 677976 h 1176451"/>
              <a:gd name="connsiteX6" fmla="*/ 2365375 w 3597275"/>
              <a:gd name="connsiteY6" fmla="*/ 998651 h 1176451"/>
              <a:gd name="connsiteX7" fmla="*/ 3597275 w 3597275"/>
              <a:gd name="connsiteY7" fmla="*/ 1170101 h 1176451"/>
              <a:gd name="connsiteX0" fmla="*/ 0 w 3597275"/>
              <a:gd name="connsiteY0" fmla="*/ 1176451 h 1176451"/>
              <a:gd name="connsiteX1" fmla="*/ 469900 w 3597275"/>
              <a:gd name="connsiteY1" fmla="*/ 1093901 h 1176451"/>
              <a:gd name="connsiteX2" fmla="*/ 955675 w 3597275"/>
              <a:gd name="connsiteY2" fmla="*/ 674801 h 1176451"/>
              <a:gd name="connsiteX3" fmla="*/ 1200150 w 3597275"/>
              <a:gd name="connsiteY3" fmla="*/ 100126 h 1176451"/>
              <a:gd name="connsiteX4" fmla="*/ 1466850 w 3597275"/>
              <a:gd name="connsiteY4" fmla="*/ 55676 h 1176451"/>
              <a:gd name="connsiteX5" fmla="*/ 1730375 w 3597275"/>
              <a:gd name="connsiteY5" fmla="*/ 677976 h 1176451"/>
              <a:gd name="connsiteX6" fmla="*/ 2254250 w 3597275"/>
              <a:gd name="connsiteY6" fmla="*/ 1036751 h 1176451"/>
              <a:gd name="connsiteX7" fmla="*/ 3597275 w 3597275"/>
              <a:gd name="connsiteY7" fmla="*/ 1170101 h 1176451"/>
              <a:gd name="connsiteX0" fmla="*/ 0 w 3603625"/>
              <a:gd name="connsiteY0" fmla="*/ 1176451 h 1176451"/>
              <a:gd name="connsiteX1" fmla="*/ 469900 w 3603625"/>
              <a:gd name="connsiteY1" fmla="*/ 1093901 h 1176451"/>
              <a:gd name="connsiteX2" fmla="*/ 955675 w 3603625"/>
              <a:gd name="connsiteY2" fmla="*/ 674801 h 1176451"/>
              <a:gd name="connsiteX3" fmla="*/ 1200150 w 3603625"/>
              <a:gd name="connsiteY3" fmla="*/ 100126 h 1176451"/>
              <a:gd name="connsiteX4" fmla="*/ 1466850 w 3603625"/>
              <a:gd name="connsiteY4" fmla="*/ 55676 h 1176451"/>
              <a:gd name="connsiteX5" fmla="*/ 1730375 w 3603625"/>
              <a:gd name="connsiteY5" fmla="*/ 677976 h 1176451"/>
              <a:gd name="connsiteX6" fmla="*/ 2254250 w 3603625"/>
              <a:gd name="connsiteY6" fmla="*/ 1036751 h 1176451"/>
              <a:gd name="connsiteX7" fmla="*/ 3603625 w 3603625"/>
              <a:gd name="connsiteY7" fmla="*/ 1151051 h 1176451"/>
              <a:gd name="connsiteX0" fmla="*/ 0 w 3609975"/>
              <a:gd name="connsiteY0" fmla="*/ 1176451 h 1176451"/>
              <a:gd name="connsiteX1" fmla="*/ 469900 w 3609975"/>
              <a:gd name="connsiteY1" fmla="*/ 1093901 h 1176451"/>
              <a:gd name="connsiteX2" fmla="*/ 955675 w 3609975"/>
              <a:gd name="connsiteY2" fmla="*/ 674801 h 1176451"/>
              <a:gd name="connsiteX3" fmla="*/ 1200150 w 3609975"/>
              <a:gd name="connsiteY3" fmla="*/ 100126 h 1176451"/>
              <a:gd name="connsiteX4" fmla="*/ 1466850 w 3609975"/>
              <a:gd name="connsiteY4" fmla="*/ 55676 h 1176451"/>
              <a:gd name="connsiteX5" fmla="*/ 1730375 w 3609975"/>
              <a:gd name="connsiteY5" fmla="*/ 677976 h 1176451"/>
              <a:gd name="connsiteX6" fmla="*/ 2254250 w 3609975"/>
              <a:gd name="connsiteY6" fmla="*/ 1036751 h 1176451"/>
              <a:gd name="connsiteX7" fmla="*/ 3609975 w 3609975"/>
              <a:gd name="connsiteY7" fmla="*/ 1176451 h 1176451"/>
              <a:gd name="connsiteX0" fmla="*/ 0 w 3609975"/>
              <a:gd name="connsiteY0" fmla="*/ 1176451 h 1176451"/>
              <a:gd name="connsiteX1" fmla="*/ 469900 w 3609975"/>
              <a:gd name="connsiteY1" fmla="*/ 1093901 h 1176451"/>
              <a:gd name="connsiteX2" fmla="*/ 955675 w 3609975"/>
              <a:gd name="connsiteY2" fmla="*/ 674801 h 1176451"/>
              <a:gd name="connsiteX3" fmla="*/ 1200150 w 3609975"/>
              <a:gd name="connsiteY3" fmla="*/ 100126 h 1176451"/>
              <a:gd name="connsiteX4" fmla="*/ 1466850 w 3609975"/>
              <a:gd name="connsiteY4" fmla="*/ 55676 h 1176451"/>
              <a:gd name="connsiteX5" fmla="*/ 1730375 w 3609975"/>
              <a:gd name="connsiteY5" fmla="*/ 677976 h 1176451"/>
              <a:gd name="connsiteX6" fmla="*/ 2956214 w 3609975"/>
              <a:gd name="connsiteY6" fmla="*/ 445623 h 1176451"/>
              <a:gd name="connsiteX7" fmla="*/ 3609975 w 3609975"/>
              <a:gd name="connsiteY7" fmla="*/ 1176451 h 1176451"/>
              <a:gd name="connsiteX0" fmla="*/ 0 w 3609975"/>
              <a:gd name="connsiteY0" fmla="*/ 1195206 h 1195206"/>
              <a:gd name="connsiteX1" fmla="*/ 469900 w 3609975"/>
              <a:gd name="connsiteY1" fmla="*/ 1112656 h 1195206"/>
              <a:gd name="connsiteX2" fmla="*/ 955675 w 3609975"/>
              <a:gd name="connsiteY2" fmla="*/ 693556 h 1195206"/>
              <a:gd name="connsiteX3" fmla="*/ 1200150 w 3609975"/>
              <a:gd name="connsiteY3" fmla="*/ 118881 h 1195206"/>
              <a:gd name="connsiteX4" fmla="*/ 1466850 w 3609975"/>
              <a:gd name="connsiteY4" fmla="*/ 74431 h 1195206"/>
              <a:gd name="connsiteX5" fmla="*/ 2238375 w 3609975"/>
              <a:gd name="connsiteY5" fmla="*/ 955349 h 1195206"/>
              <a:gd name="connsiteX6" fmla="*/ 2956214 w 3609975"/>
              <a:gd name="connsiteY6" fmla="*/ 464378 h 1195206"/>
              <a:gd name="connsiteX7" fmla="*/ 3609975 w 3609975"/>
              <a:gd name="connsiteY7" fmla="*/ 1195206 h 1195206"/>
              <a:gd name="connsiteX0" fmla="*/ 0 w 3609975"/>
              <a:gd name="connsiteY0" fmla="*/ 1087710 h 1087710"/>
              <a:gd name="connsiteX1" fmla="*/ 469900 w 3609975"/>
              <a:gd name="connsiteY1" fmla="*/ 1005160 h 1087710"/>
              <a:gd name="connsiteX2" fmla="*/ 955675 w 3609975"/>
              <a:gd name="connsiteY2" fmla="*/ 586060 h 1087710"/>
              <a:gd name="connsiteX3" fmla="*/ 1200150 w 3609975"/>
              <a:gd name="connsiteY3" fmla="*/ 11385 h 1087710"/>
              <a:gd name="connsiteX4" fmla="*/ 1845541 w 3609975"/>
              <a:gd name="connsiteY4" fmla="*/ 253263 h 1087710"/>
              <a:gd name="connsiteX5" fmla="*/ 2238375 w 3609975"/>
              <a:gd name="connsiteY5" fmla="*/ 847853 h 1087710"/>
              <a:gd name="connsiteX6" fmla="*/ 2956214 w 3609975"/>
              <a:gd name="connsiteY6" fmla="*/ 356882 h 1087710"/>
              <a:gd name="connsiteX7" fmla="*/ 3609975 w 3609975"/>
              <a:gd name="connsiteY7" fmla="*/ 1087710 h 1087710"/>
              <a:gd name="connsiteX0" fmla="*/ 0 w 3609975"/>
              <a:gd name="connsiteY0" fmla="*/ 834718 h 834718"/>
              <a:gd name="connsiteX1" fmla="*/ 469900 w 3609975"/>
              <a:gd name="connsiteY1" fmla="*/ 752168 h 834718"/>
              <a:gd name="connsiteX2" fmla="*/ 955675 w 3609975"/>
              <a:gd name="connsiteY2" fmla="*/ 333068 h 834718"/>
              <a:gd name="connsiteX3" fmla="*/ 1468005 w 3609975"/>
              <a:gd name="connsiteY3" fmla="*/ 515775 h 834718"/>
              <a:gd name="connsiteX4" fmla="*/ 1845541 w 3609975"/>
              <a:gd name="connsiteY4" fmla="*/ 271 h 834718"/>
              <a:gd name="connsiteX5" fmla="*/ 2238375 w 3609975"/>
              <a:gd name="connsiteY5" fmla="*/ 594861 h 834718"/>
              <a:gd name="connsiteX6" fmla="*/ 2956214 w 3609975"/>
              <a:gd name="connsiteY6" fmla="*/ 103890 h 834718"/>
              <a:gd name="connsiteX7" fmla="*/ 3609975 w 3609975"/>
              <a:gd name="connsiteY7" fmla="*/ 834718 h 834718"/>
              <a:gd name="connsiteX0" fmla="*/ 0 w 3609975"/>
              <a:gd name="connsiteY0" fmla="*/ 1010145 h 1010145"/>
              <a:gd name="connsiteX1" fmla="*/ 469900 w 3609975"/>
              <a:gd name="connsiteY1" fmla="*/ 927595 h 1010145"/>
              <a:gd name="connsiteX2" fmla="*/ 955675 w 3609975"/>
              <a:gd name="connsiteY2" fmla="*/ 508495 h 1010145"/>
              <a:gd name="connsiteX3" fmla="*/ 1468005 w 3609975"/>
              <a:gd name="connsiteY3" fmla="*/ 691202 h 1010145"/>
              <a:gd name="connsiteX4" fmla="*/ 1845541 w 3609975"/>
              <a:gd name="connsiteY4" fmla="*/ 207 h 1010145"/>
              <a:gd name="connsiteX5" fmla="*/ 2238375 w 3609975"/>
              <a:gd name="connsiteY5" fmla="*/ 770288 h 1010145"/>
              <a:gd name="connsiteX6" fmla="*/ 2956214 w 3609975"/>
              <a:gd name="connsiteY6" fmla="*/ 279317 h 1010145"/>
              <a:gd name="connsiteX7" fmla="*/ 3609975 w 3609975"/>
              <a:gd name="connsiteY7" fmla="*/ 1010145 h 1010145"/>
              <a:gd name="connsiteX0" fmla="*/ 0 w 3609975"/>
              <a:gd name="connsiteY0" fmla="*/ 1010162 h 1010162"/>
              <a:gd name="connsiteX1" fmla="*/ 469900 w 3609975"/>
              <a:gd name="connsiteY1" fmla="*/ 927612 h 1010162"/>
              <a:gd name="connsiteX2" fmla="*/ 1029566 w 3609975"/>
              <a:gd name="connsiteY2" fmla="*/ 794840 h 1010162"/>
              <a:gd name="connsiteX3" fmla="*/ 1468005 w 3609975"/>
              <a:gd name="connsiteY3" fmla="*/ 691219 h 1010162"/>
              <a:gd name="connsiteX4" fmla="*/ 1845541 w 3609975"/>
              <a:gd name="connsiteY4" fmla="*/ 224 h 1010162"/>
              <a:gd name="connsiteX5" fmla="*/ 2238375 w 3609975"/>
              <a:gd name="connsiteY5" fmla="*/ 770305 h 1010162"/>
              <a:gd name="connsiteX6" fmla="*/ 2956214 w 3609975"/>
              <a:gd name="connsiteY6" fmla="*/ 279334 h 1010162"/>
              <a:gd name="connsiteX7" fmla="*/ 3609975 w 3609975"/>
              <a:gd name="connsiteY7" fmla="*/ 1010162 h 1010162"/>
              <a:gd name="connsiteX0" fmla="*/ 0 w 3609975"/>
              <a:gd name="connsiteY0" fmla="*/ 1010171 h 1010171"/>
              <a:gd name="connsiteX1" fmla="*/ 469900 w 3609975"/>
              <a:gd name="connsiteY1" fmla="*/ 927621 h 1010171"/>
              <a:gd name="connsiteX2" fmla="*/ 1468005 w 3609975"/>
              <a:gd name="connsiteY2" fmla="*/ 691228 h 1010171"/>
              <a:gd name="connsiteX3" fmla="*/ 1845541 w 3609975"/>
              <a:gd name="connsiteY3" fmla="*/ 233 h 1010171"/>
              <a:gd name="connsiteX4" fmla="*/ 2238375 w 3609975"/>
              <a:gd name="connsiteY4" fmla="*/ 770314 h 1010171"/>
              <a:gd name="connsiteX5" fmla="*/ 2956214 w 3609975"/>
              <a:gd name="connsiteY5" fmla="*/ 279343 h 1010171"/>
              <a:gd name="connsiteX6" fmla="*/ 3609975 w 3609975"/>
              <a:gd name="connsiteY6" fmla="*/ 1010171 h 1010171"/>
              <a:gd name="connsiteX0" fmla="*/ 0 w 3609975"/>
              <a:gd name="connsiteY0" fmla="*/ 1010171 h 1010171"/>
              <a:gd name="connsiteX1" fmla="*/ 469900 w 3609975"/>
              <a:gd name="connsiteY1" fmla="*/ 927621 h 1010171"/>
              <a:gd name="connsiteX2" fmla="*/ 1468005 w 3609975"/>
              <a:gd name="connsiteY2" fmla="*/ 691228 h 1010171"/>
              <a:gd name="connsiteX3" fmla="*/ 1845541 w 3609975"/>
              <a:gd name="connsiteY3" fmla="*/ 233 h 1010171"/>
              <a:gd name="connsiteX4" fmla="*/ 2238375 w 3609975"/>
              <a:gd name="connsiteY4" fmla="*/ 770314 h 1010171"/>
              <a:gd name="connsiteX5" fmla="*/ 2956214 w 3609975"/>
              <a:gd name="connsiteY5" fmla="*/ 279343 h 1010171"/>
              <a:gd name="connsiteX6" fmla="*/ 3609975 w 3609975"/>
              <a:gd name="connsiteY6" fmla="*/ 1010171 h 1010171"/>
              <a:gd name="connsiteX0" fmla="*/ 0 w 3609975"/>
              <a:gd name="connsiteY0" fmla="*/ 1010077 h 1010077"/>
              <a:gd name="connsiteX1" fmla="*/ 469900 w 3609975"/>
              <a:gd name="connsiteY1" fmla="*/ 927527 h 1010077"/>
              <a:gd name="connsiteX2" fmla="*/ 1468005 w 3609975"/>
              <a:gd name="connsiteY2" fmla="*/ 691134 h 1010077"/>
              <a:gd name="connsiteX3" fmla="*/ 1845541 w 3609975"/>
              <a:gd name="connsiteY3" fmla="*/ 139 h 1010077"/>
              <a:gd name="connsiteX4" fmla="*/ 2386157 w 3609975"/>
              <a:gd name="connsiteY4" fmla="*/ 751747 h 1010077"/>
              <a:gd name="connsiteX5" fmla="*/ 2956214 w 3609975"/>
              <a:gd name="connsiteY5" fmla="*/ 279249 h 1010077"/>
              <a:gd name="connsiteX6" fmla="*/ 3609975 w 3609975"/>
              <a:gd name="connsiteY6" fmla="*/ 1010077 h 1010077"/>
              <a:gd name="connsiteX0" fmla="*/ 0 w 3609975"/>
              <a:gd name="connsiteY0" fmla="*/ 1010077 h 1010077"/>
              <a:gd name="connsiteX1" fmla="*/ 469900 w 3609975"/>
              <a:gd name="connsiteY1" fmla="*/ 927527 h 1010077"/>
              <a:gd name="connsiteX2" fmla="*/ 1468005 w 3609975"/>
              <a:gd name="connsiteY2" fmla="*/ 691134 h 1010077"/>
              <a:gd name="connsiteX3" fmla="*/ 1845541 w 3609975"/>
              <a:gd name="connsiteY3" fmla="*/ 139 h 1010077"/>
              <a:gd name="connsiteX4" fmla="*/ 2386157 w 3609975"/>
              <a:gd name="connsiteY4" fmla="*/ 751747 h 1010077"/>
              <a:gd name="connsiteX5" fmla="*/ 2725305 w 3609975"/>
              <a:gd name="connsiteY5" fmla="*/ 306959 h 1010077"/>
              <a:gd name="connsiteX6" fmla="*/ 3609975 w 3609975"/>
              <a:gd name="connsiteY6" fmla="*/ 1010077 h 1010077"/>
              <a:gd name="connsiteX0" fmla="*/ 0 w 3609975"/>
              <a:gd name="connsiteY0" fmla="*/ 1010077 h 1010077"/>
              <a:gd name="connsiteX1" fmla="*/ 469900 w 3609975"/>
              <a:gd name="connsiteY1" fmla="*/ 927527 h 1010077"/>
              <a:gd name="connsiteX2" fmla="*/ 1468005 w 3609975"/>
              <a:gd name="connsiteY2" fmla="*/ 691134 h 1010077"/>
              <a:gd name="connsiteX3" fmla="*/ 1845541 w 3609975"/>
              <a:gd name="connsiteY3" fmla="*/ 139 h 1010077"/>
              <a:gd name="connsiteX4" fmla="*/ 2386157 w 3609975"/>
              <a:gd name="connsiteY4" fmla="*/ 751747 h 1010077"/>
              <a:gd name="connsiteX5" fmla="*/ 2725305 w 3609975"/>
              <a:gd name="connsiteY5" fmla="*/ 306959 h 1010077"/>
              <a:gd name="connsiteX6" fmla="*/ 3609975 w 3609975"/>
              <a:gd name="connsiteY6" fmla="*/ 1010077 h 1010077"/>
              <a:gd name="connsiteX0" fmla="*/ 0 w 3609975"/>
              <a:gd name="connsiteY0" fmla="*/ 1010012 h 1010012"/>
              <a:gd name="connsiteX1" fmla="*/ 469900 w 3609975"/>
              <a:gd name="connsiteY1" fmla="*/ 927462 h 1010012"/>
              <a:gd name="connsiteX2" fmla="*/ 1468005 w 3609975"/>
              <a:gd name="connsiteY2" fmla="*/ 691069 h 1010012"/>
              <a:gd name="connsiteX3" fmla="*/ 1845541 w 3609975"/>
              <a:gd name="connsiteY3" fmla="*/ 74 h 1010012"/>
              <a:gd name="connsiteX4" fmla="*/ 2386157 w 3609975"/>
              <a:gd name="connsiteY4" fmla="*/ 751682 h 1010012"/>
              <a:gd name="connsiteX5" fmla="*/ 2725305 w 3609975"/>
              <a:gd name="connsiteY5" fmla="*/ 306894 h 1010012"/>
              <a:gd name="connsiteX6" fmla="*/ 3609975 w 3609975"/>
              <a:gd name="connsiteY6" fmla="*/ 1010012 h 1010012"/>
              <a:gd name="connsiteX0" fmla="*/ 0 w 3609975"/>
              <a:gd name="connsiteY0" fmla="*/ 1010012 h 1010012"/>
              <a:gd name="connsiteX1" fmla="*/ 469900 w 3609975"/>
              <a:gd name="connsiteY1" fmla="*/ 927462 h 1010012"/>
              <a:gd name="connsiteX2" fmla="*/ 1468005 w 3609975"/>
              <a:gd name="connsiteY2" fmla="*/ 691069 h 1010012"/>
              <a:gd name="connsiteX3" fmla="*/ 1845541 w 3609975"/>
              <a:gd name="connsiteY3" fmla="*/ 74 h 1010012"/>
              <a:gd name="connsiteX4" fmla="*/ 2386157 w 3609975"/>
              <a:gd name="connsiteY4" fmla="*/ 751682 h 1010012"/>
              <a:gd name="connsiteX5" fmla="*/ 2725305 w 3609975"/>
              <a:gd name="connsiteY5" fmla="*/ 306894 h 1010012"/>
              <a:gd name="connsiteX6" fmla="*/ 3609975 w 3609975"/>
              <a:gd name="connsiteY6" fmla="*/ 1010012 h 1010012"/>
              <a:gd name="connsiteX0" fmla="*/ 0 w 3609975"/>
              <a:gd name="connsiteY0" fmla="*/ 1010008 h 1010008"/>
              <a:gd name="connsiteX1" fmla="*/ 469900 w 3609975"/>
              <a:gd name="connsiteY1" fmla="*/ 927458 h 1010008"/>
              <a:gd name="connsiteX2" fmla="*/ 1468005 w 3609975"/>
              <a:gd name="connsiteY2" fmla="*/ 691065 h 1010008"/>
              <a:gd name="connsiteX3" fmla="*/ 1845541 w 3609975"/>
              <a:gd name="connsiteY3" fmla="*/ 70 h 1010008"/>
              <a:gd name="connsiteX4" fmla="*/ 2386157 w 3609975"/>
              <a:gd name="connsiteY4" fmla="*/ 751678 h 1010008"/>
              <a:gd name="connsiteX5" fmla="*/ 2725305 w 3609975"/>
              <a:gd name="connsiteY5" fmla="*/ 306890 h 1010008"/>
              <a:gd name="connsiteX6" fmla="*/ 3609975 w 3609975"/>
              <a:gd name="connsiteY6" fmla="*/ 1010008 h 101000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3609975" h="1010008">
                <a:moveTo>
                  <a:pt x="0" y="1010008"/>
                </a:moveTo>
                <a:cubicBezTo>
                  <a:pt x="163248" y="996779"/>
                  <a:pt x="225233" y="980615"/>
                  <a:pt x="469900" y="927458"/>
                </a:cubicBezTo>
                <a:cubicBezTo>
                  <a:pt x="714567" y="874301"/>
                  <a:pt x="1238732" y="845630"/>
                  <a:pt x="1468005" y="691065"/>
                </a:cubicBezTo>
                <a:cubicBezTo>
                  <a:pt x="1697278" y="536500"/>
                  <a:pt x="1683279" y="8441"/>
                  <a:pt x="1845541" y="70"/>
                </a:cubicBezTo>
                <a:cubicBezTo>
                  <a:pt x="2007803" y="-8301"/>
                  <a:pt x="2211821" y="746722"/>
                  <a:pt x="2386157" y="751678"/>
                </a:cubicBezTo>
                <a:cubicBezTo>
                  <a:pt x="2560493" y="756634"/>
                  <a:pt x="2530572" y="300780"/>
                  <a:pt x="2725305" y="306890"/>
                </a:cubicBezTo>
                <a:cubicBezTo>
                  <a:pt x="2920038" y="313000"/>
                  <a:pt x="2851150" y="965558"/>
                  <a:pt x="3609975" y="1010008"/>
                </a:cubicBezTo>
              </a:path>
            </a:pathLst>
          </a:custGeom>
          <a:solidFill>
            <a:schemeClr val="accent2">
              <a:lumMod val="75000"/>
            </a:schemeClr>
          </a:solidFill>
          <a:ln w="25400">
            <a:solidFill>
              <a:schemeClr val="accent2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18" name="TextBox 17"/>
          <p:cNvSpPr txBox="1"/>
          <p:nvPr/>
        </p:nvSpPr>
        <p:spPr>
          <a:xfrm>
            <a:off x="8068786" y="2340630"/>
            <a:ext cx="222048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>
                <a:latin typeface="Gentium Basic" panose="02000503060000020004" pitchFamily="2" charset="0"/>
              </a:rPr>
              <a:t>possible origin points</a:t>
            </a:r>
            <a:endParaRPr lang="de-CH" dirty="0">
              <a:latin typeface="Gentium Basic" panose="02000503060000020004" pitchFamily="2" charset="0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6" name="TextBox 5"/>
              <p:cNvSpPr txBox="1"/>
              <p:nvPr/>
            </p:nvSpPr>
            <p:spPr>
              <a:xfrm>
                <a:off x="4019062" y="3242666"/>
                <a:ext cx="402674" cy="369332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e-CH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×</m:t>
                      </m:r>
                    </m:oMath>
                  </m:oMathPara>
                </a14:m>
                <a:endParaRPr lang="de-CH" dirty="0"/>
              </a:p>
            </p:txBody>
          </p:sp>
        </mc:Choice>
        <mc:Fallback xmlns="">
          <p:sp>
            <p:nvSpPr>
              <p:cNvPr id="6" name="TextBox 5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019062" y="3242666"/>
                <a:ext cx="402674" cy="369332"/>
              </a:xfrm>
              <a:prstGeom prst="rect">
                <a:avLst/>
              </a:prstGeom>
              <a:blipFill rotWithShape="0">
                <a:blip r:embed="rId3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de-CH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5" name="TextBox 34"/>
              <p:cNvSpPr txBox="1"/>
              <p:nvPr/>
            </p:nvSpPr>
            <p:spPr>
              <a:xfrm>
                <a:off x="7787695" y="3246794"/>
                <a:ext cx="402674" cy="369332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e-CH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×</m:t>
                      </m:r>
                    </m:oMath>
                  </m:oMathPara>
                </a14:m>
                <a:endParaRPr lang="de-CH" dirty="0"/>
              </a:p>
            </p:txBody>
          </p:sp>
        </mc:Choice>
        <mc:Fallback xmlns="">
          <p:sp>
            <p:nvSpPr>
              <p:cNvPr id="35" name="TextBox 34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787695" y="3246794"/>
                <a:ext cx="402674" cy="369332"/>
              </a:xfrm>
              <a:prstGeom prst="rect">
                <a:avLst/>
              </a:prstGeom>
              <a:blipFill rotWithShape="0">
                <a:blip r:embed="rId4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de-CH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43" name="Rectangle 42"/>
          <p:cNvSpPr/>
          <p:nvPr/>
        </p:nvSpPr>
        <p:spPr>
          <a:xfrm>
            <a:off x="4309277" y="4816490"/>
            <a:ext cx="3600000" cy="1440000"/>
          </a:xfrm>
          <a:prstGeom prst="rect">
            <a:avLst/>
          </a:prstGeom>
        </p:spPr>
        <p:style>
          <a:lnRef idx="2">
            <a:schemeClr val="accent3"/>
          </a:lnRef>
          <a:fillRef idx="1002">
            <a:schemeClr val="lt2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e-CH" sz="1200" dirty="0">
              <a:latin typeface="Gentium Basic" panose="02000503060000020004" pitchFamily="2" charset="0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46" name="TextBox 45"/>
              <p:cNvSpPr txBox="1"/>
              <p:nvPr/>
            </p:nvSpPr>
            <p:spPr>
              <a:xfrm>
                <a:off x="5901590" y="4298559"/>
                <a:ext cx="410689" cy="369332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</m:oMath>
                  </m:oMathPara>
                </a14:m>
                <a:endParaRPr lang="de-CH" dirty="0"/>
              </a:p>
            </p:txBody>
          </p:sp>
        </mc:Choice>
        <mc:Fallback xmlns="">
          <p:sp>
            <p:nvSpPr>
              <p:cNvPr id="46" name="TextBox 45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901590" y="4298559"/>
                <a:ext cx="410689" cy="369332"/>
              </a:xfrm>
              <a:prstGeom prst="rect">
                <a:avLst/>
              </a:prstGeom>
              <a:blipFill rotWithShape="0">
                <a:blip r:embed="rId5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de-CH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55" name="Freeform 54"/>
          <p:cNvSpPr/>
          <p:nvPr/>
        </p:nvSpPr>
        <p:spPr>
          <a:xfrm>
            <a:off x="539793" y="3442898"/>
            <a:ext cx="3609975" cy="704433"/>
          </a:xfrm>
          <a:custGeom>
            <a:avLst/>
            <a:gdLst>
              <a:gd name="connsiteX0" fmla="*/ 0 w 3597275"/>
              <a:gd name="connsiteY0" fmla="*/ 1144701 h 1187485"/>
              <a:gd name="connsiteX1" fmla="*/ 479425 w 3597275"/>
              <a:gd name="connsiteY1" fmla="*/ 1141526 h 1187485"/>
              <a:gd name="connsiteX2" fmla="*/ 955675 w 3597275"/>
              <a:gd name="connsiteY2" fmla="*/ 674801 h 1187485"/>
              <a:gd name="connsiteX3" fmla="*/ 1200150 w 3597275"/>
              <a:gd name="connsiteY3" fmla="*/ 100126 h 1187485"/>
              <a:gd name="connsiteX4" fmla="*/ 1466850 w 3597275"/>
              <a:gd name="connsiteY4" fmla="*/ 55676 h 1187485"/>
              <a:gd name="connsiteX5" fmla="*/ 1730375 w 3597275"/>
              <a:gd name="connsiteY5" fmla="*/ 677976 h 1187485"/>
              <a:gd name="connsiteX6" fmla="*/ 2365375 w 3597275"/>
              <a:gd name="connsiteY6" fmla="*/ 998651 h 1187485"/>
              <a:gd name="connsiteX7" fmla="*/ 3597275 w 3597275"/>
              <a:gd name="connsiteY7" fmla="*/ 1170101 h 1187485"/>
              <a:gd name="connsiteX0" fmla="*/ 0 w 3597275"/>
              <a:gd name="connsiteY0" fmla="*/ 1144701 h 1170101"/>
              <a:gd name="connsiteX1" fmla="*/ 479425 w 3597275"/>
              <a:gd name="connsiteY1" fmla="*/ 1141526 h 1170101"/>
              <a:gd name="connsiteX2" fmla="*/ 955675 w 3597275"/>
              <a:gd name="connsiteY2" fmla="*/ 674801 h 1170101"/>
              <a:gd name="connsiteX3" fmla="*/ 1200150 w 3597275"/>
              <a:gd name="connsiteY3" fmla="*/ 100126 h 1170101"/>
              <a:gd name="connsiteX4" fmla="*/ 1466850 w 3597275"/>
              <a:gd name="connsiteY4" fmla="*/ 55676 h 1170101"/>
              <a:gd name="connsiteX5" fmla="*/ 1730375 w 3597275"/>
              <a:gd name="connsiteY5" fmla="*/ 677976 h 1170101"/>
              <a:gd name="connsiteX6" fmla="*/ 2365375 w 3597275"/>
              <a:gd name="connsiteY6" fmla="*/ 998651 h 1170101"/>
              <a:gd name="connsiteX7" fmla="*/ 3597275 w 3597275"/>
              <a:gd name="connsiteY7" fmla="*/ 1170101 h 1170101"/>
              <a:gd name="connsiteX0" fmla="*/ 0 w 3597275"/>
              <a:gd name="connsiteY0" fmla="*/ 1144701 h 1170101"/>
              <a:gd name="connsiteX1" fmla="*/ 469900 w 3597275"/>
              <a:gd name="connsiteY1" fmla="*/ 1093901 h 1170101"/>
              <a:gd name="connsiteX2" fmla="*/ 955675 w 3597275"/>
              <a:gd name="connsiteY2" fmla="*/ 674801 h 1170101"/>
              <a:gd name="connsiteX3" fmla="*/ 1200150 w 3597275"/>
              <a:gd name="connsiteY3" fmla="*/ 100126 h 1170101"/>
              <a:gd name="connsiteX4" fmla="*/ 1466850 w 3597275"/>
              <a:gd name="connsiteY4" fmla="*/ 55676 h 1170101"/>
              <a:gd name="connsiteX5" fmla="*/ 1730375 w 3597275"/>
              <a:gd name="connsiteY5" fmla="*/ 677976 h 1170101"/>
              <a:gd name="connsiteX6" fmla="*/ 2365375 w 3597275"/>
              <a:gd name="connsiteY6" fmla="*/ 998651 h 1170101"/>
              <a:gd name="connsiteX7" fmla="*/ 3597275 w 3597275"/>
              <a:gd name="connsiteY7" fmla="*/ 1170101 h 1170101"/>
              <a:gd name="connsiteX0" fmla="*/ 0 w 3597275"/>
              <a:gd name="connsiteY0" fmla="*/ 1176451 h 1191215"/>
              <a:gd name="connsiteX1" fmla="*/ 469900 w 3597275"/>
              <a:gd name="connsiteY1" fmla="*/ 1093901 h 1191215"/>
              <a:gd name="connsiteX2" fmla="*/ 955675 w 3597275"/>
              <a:gd name="connsiteY2" fmla="*/ 674801 h 1191215"/>
              <a:gd name="connsiteX3" fmla="*/ 1200150 w 3597275"/>
              <a:gd name="connsiteY3" fmla="*/ 100126 h 1191215"/>
              <a:gd name="connsiteX4" fmla="*/ 1466850 w 3597275"/>
              <a:gd name="connsiteY4" fmla="*/ 55676 h 1191215"/>
              <a:gd name="connsiteX5" fmla="*/ 1730375 w 3597275"/>
              <a:gd name="connsiteY5" fmla="*/ 677976 h 1191215"/>
              <a:gd name="connsiteX6" fmla="*/ 2365375 w 3597275"/>
              <a:gd name="connsiteY6" fmla="*/ 998651 h 1191215"/>
              <a:gd name="connsiteX7" fmla="*/ 3597275 w 3597275"/>
              <a:gd name="connsiteY7" fmla="*/ 1170101 h 1191215"/>
              <a:gd name="connsiteX0" fmla="*/ 0 w 3597275"/>
              <a:gd name="connsiteY0" fmla="*/ 1176451 h 1176451"/>
              <a:gd name="connsiteX1" fmla="*/ 469900 w 3597275"/>
              <a:gd name="connsiteY1" fmla="*/ 1093901 h 1176451"/>
              <a:gd name="connsiteX2" fmla="*/ 955675 w 3597275"/>
              <a:gd name="connsiteY2" fmla="*/ 674801 h 1176451"/>
              <a:gd name="connsiteX3" fmla="*/ 1200150 w 3597275"/>
              <a:gd name="connsiteY3" fmla="*/ 100126 h 1176451"/>
              <a:gd name="connsiteX4" fmla="*/ 1466850 w 3597275"/>
              <a:gd name="connsiteY4" fmla="*/ 55676 h 1176451"/>
              <a:gd name="connsiteX5" fmla="*/ 1730375 w 3597275"/>
              <a:gd name="connsiteY5" fmla="*/ 677976 h 1176451"/>
              <a:gd name="connsiteX6" fmla="*/ 2365375 w 3597275"/>
              <a:gd name="connsiteY6" fmla="*/ 998651 h 1176451"/>
              <a:gd name="connsiteX7" fmla="*/ 3597275 w 3597275"/>
              <a:gd name="connsiteY7" fmla="*/ 1170101 h 1176451"/>
              <a:gd name="connsiteX0" fmla="*/ 0 w 3597275"/>
              <a:gd name="connsiteY0" fmla="*/ 1176451 h 1176451"/>
              <a:gd name="connsiteX1" fmla="*/ 469900 w 3597275"/>
              <a:gd name="connsiteY1" fmla="*/ 1093901 h 1176451"/>
              <a:gd name="connsiteX2" fmla="*/ 955675 w 3597275"/>
              <a:gd name="connsiteY2" fmla="*/ 674801 h 1176451"/>
              <a:gd name="connsiteX3" fmla="*/ 1200150 w 3597275"/>
              <a:gd name="connsiteY3" fmla="*/ 100126 h 1176451"/>
              <a:gd name="connsiteX4" fmla="*/ 1466850 w 3597275"/>
              <a:gd name="connsiteY4" fmla="*/ 55676 h 1176451"/>
              <a:gd name="connsiteX5" fmla="*/ 1730375 w 3597275"/>
              <a:gd name="connsiteY5" fmla="*/ 677976 h 1176451"/>
              <a:gd name="connsiteX6" fmla="*/ 2365375 w 3597275"/>
              <a:gd name="connsiteY6" fmla="*/ 998651 h 1176451"/>
              <a:gd name="connsiteX7" fmla="*/ 3597275 w 3597275"/>
              <a:gd name="connsiteY7" fmla="*/ 1170101 h 1176451"/>
              <a:gd name="connsiteX0" fmla="*/ 0 w 3597275"/>
              <a:gd name="connsiteY0" fmla="*/ 1176451 h 1176451"/>
              <a:gd name="connsiteX1" fmla="*/ 469900 w 3597275"/>
              <a:gd name="connsiteY1" fmla="*/ 1093901 h 1176451"/>
              <a:gd name="connsiteX2" fmla="*/ 955675 w 3597275"/>
              <a:gd name="connsiteY2" fmla="*/ 674801 h 1176451"/>
              <a:gd name="connsiteX3" fmla="*/ 1200150 w 3597275"/>
              <a:gd name="connsiteY3" fmla="*/ 100126 h 1176451"/>
              <a:gd name="connsiteX4" fmla="*/ 1466850 w 3597275"/>
              <a:gd name="connsiteY4" fmla="*/ 55676 h 1176451"/>
              <a:gd name="connsiteX5" fmla="*/ 1730375 w 3597275"/>
              <a:gd name="connsiteY5" fmla="*/ 677976 h 1176451"/>
              <a:gd name="connsiteX6" fmla="*/ 2254250 w 3597275"/>
              <a:gd name="connsiteY6" fmla="*/ 1036751 h 1176451"/>
              <a:gd name="connsiteX7" fmla="*/ 3597275 w 3597275"/>
              <a:gd name="connsiteY7" fmla="*/ 1170101 h 1176451"/>
              <a:gd name="connsiteX0" fmla="*/ 0 w 3603625"/>
              <a:gd name="connsiteY0" fmla="*/ 1176451 h 1176451"/>
              <a:gd name="connsiteX1" fmla="*/ 469900 w 3603625"/>
              <a:gd name="connsiteY1" fmla="*/ 1093901 h 1176451"/>
              <a:gd name="connsiteX2" fmla="*/ 955675 w 3603625"/>
              <a:gd name="connsiteY2" fmla="*/ 674801 h 1176451"/>
              <a:gd name="connsiteX3" fmla="*/ 1200150 w 3603625"/>
              <a:gd name="connsiteY3" fmla="*/ 100126 h 1176451"/>
              <a:gd name="connsiteX4" fmla="*/ 1466850 w 3603625"/>
              <a:gd name="connsiteY4" fmla="*/ 55676 h 1176451"/>
              <a:gd name="connsiteX5" fmla="*/ 1730375 w 3603625"/>
              <a:gd name="connsiteY5" fmla="*/ 677976 h 1176451"/>
              <a:gd name="connsiteX6" fmla="*/ 2254250 w 3603625"/>
              <a:gd name="connsiteY6" fmla="*/ 1036751 h 1176451"/>
              <a:gd name="connsiteX7" fmla="*/ 3603625 w 3603625"/>
              <a:gd name="connsiteY7" fmla="*/ 1151051 h 1176451"/>
              <a:gd name="connsiteX0" fmla="*/ 0 w 3609975"/>
              <a:gd name="connsiteY0" fmla="*/ 1176451 h 1176451"/>
              <a:gd name="connsiteX1" fmla="*/ 469900 w 3609975"/>
              <a:gd name="connsiteY1" fmla="*/ 1093901 h 1176451"/>
              <a:gd name="connsiteX2" fmla="*/ 955675 w 3609975"/>
              <a:gd name="connsiteY2" fmla="*/ 674801 h 1176451"/>
              <a:gd name="connsiteX3" fmla="*/ 1200150 w 3609975"/>
              <a:gd name="connsiteY3" fmla="*/ 100126 h 1176451"/>
              <a:gd name="connsiteX4" fmla="*/ 1466850 w 3609975"/>
              <a:gd name="connsiteY4" fmla="*/ 55676 h 1176451"/>
              <a:gd name="connsiteX5" fmla="*/ 1730375 w 3609975"/>
              <a:gd name="connsiteY5" fmla="*/ 677976 h 1176451"/>
              <a:gd name="connsiteX6" fmla="*/ 2254250 w 3609975"/>
              <a:gd name="connsiteY6" fmla="*/ 1036751 h 1176451"/>
              <a:gd name="connsiteX7" fmla="*/ 3609975 w 3609975"/>
              <a:gd name="connsiteY7" fmla="*/ 1176451 h 1176451"/>
              <a:gd name="connsiteX0" fmla="*/ 0 w 3609975"/>
              <a:gd name="connsiteY0" fmla="*/ 1179504 h 1179504"/>
              <a:gd name="connsiteX1" fmla="*/ 469900 w 3609975"/>
              <a:gd name="connsiteY1" fmla="*/ 1096954 h 1179504"/>
              <a:gd name="connsiteX2" fmla="*/ 1034257 w 3609975"/>
              <a:gd name="connsiteY2" fmla="*/ 739766 h 1179504"/>
              <a:gd name="connsiteX3" fmla="*/ 1200150 w 3609975"/>
              <a:gd name="connsiteY3" fmla="*/ 103179 h 1179504"/>
              <a:gd name="connsiteX4" fmla="*/ 1466850 w 3609975"/>
              <a:gd name="connsiteY4" fmla="*/ 58729 h 1179504"/>
              <a:gd name="connsiteX5" fmla="*/ 1730375 w 3609975"/>
              <a:gd name="connsiteY5" fmla="*/ 681029 h 1179504"/>
              <a:gd name="connsiteX6" fmla="*/ 2254250 w 3609975"/>
              <a:gd name="connsiteY6" fmla="*/ 1039804 h 1179504"/>
              <a:gd name="connsiteX7" fmla="*/ 3609975 w 3609975"/>
              <a:gd name="connsiteY7" fmla="*/ 1179504 h 1179504"/>
              <a:gd name="connsiteX0" fmla="*/ 0 w 3609975"/>
              <a:gd name="connsiteY0" fmla="*/ 1184932 h 1184932"/>
              <a:gd name="connsiteX1" fmla="*/ 469900 w 3609975"/>
              <a:gd name="connsiteY1" fmla="*/ 1102382 h 1184932"/>
              <a:gd name="connsiteX2" fmla="*/ 1034257 w 3609975"/>
              <a:gd name="connsiteY2" fmla="*/ 745194 h 1184932"/>
              <a:gd name="connsiteX3" fmla="*/ 1200150 w 3609975"/>
              <a:gd name="connsiteY3" fmla="*/ 108607 h 1184932"/>
              <a:gd name="connsiteX4" fmla="*/ 1466850 w 3609975"/>
              <a:gd name="connsiteY4" fmla="*/ 64157 h 1184932"/>
              <a:gd name="connsiteX5" fmla="*/ 1632744 w 3609975"/>
              <a:gd name="connsiteY5" fmla="*/ 762657 h 1184932"/>
              <a:gd name="connsiteX6" fmla="*/ 2254250 w 3609975"/>
              <a:gd name="connsiteY6" fmla="*/ 1045232 h 1184932"/>
              <a:gd name="connsiteX7" fmla="*/ 3609975 w 3609975"/>
              <a:gd name="connsiteY7" fmla="*/ 1184932 h 1184932"/>
              <a:gd name="connsiteX0" fmla="*/ 0 w 3609975"/>
              <a:gd name="connsiteY0" fmla="*/ 1185614 h 1185614"/>
              <a:gd name="connsiteX1" fmla="*/ 469900 w 3609975"/>
              <a:gd name="connsiteY1" fmla="*/ 1103064 h 1185614"/>
              <a:gd name="connsiteX2" fmla="*/ 1034257 w 3609975"/>
              <a:gd name="connsiteY2" fmla="*/ 745876 h 1185614"/>
              <a:gd name="connsiteX3" fmla="*/ 1200150 w 3609975"/>
              <a:gd name="connsiteY3" fmla="*/ 109289 h 1185614"/>
              <a:gd name="connsiteX4" fmla="*/ 1466850 w 3609975"/>
              <a:gd name="connsiteY4" fmla="*/ 64839 h 1185614"/>
              <a:gd name="connsiteX5" fmla="*/ 1635126 w 3609975"/>
              <a:gd name="connsiteY5" fmla="*/ 772864 h 1185614"/>
              <a:gd name="connsiteX6" fmla="*/ 2254250 w 3609975"/>
              <a:gd name="connsiteY6" fmla="*/ 1045914 h 1185614"/>
              <a:gd name="connsiteX7" fmla="*/ 3609975 w 3609975"/>
              <a:gd name="connsiteY7" fmla="*/ 1185614 h 1185614"/>
              <a:gd name="connsiteX0" fmla="*/ 0 w 3609975"/>
              <a:gd name="connsiteY0" fmla="*/ 1164101 h 1164101"/>
              <a:gd name="connsiteX1" fmla="*/ 469900 w 3609975"/>
              <a:gd name="connsiteY1" fmla="*/ 1081551 h 1164101"/>
              <a:gd name="connsiteX2" fmla="*/ 1034257 w 3609975"/>
              <a:gd name="connsiteY2" fmla="*/ 724363 h 1164101"/>
              <a:gd name="connsiteX3" fmla="*/ 1200150 w 3609975"/>
              <a:gd name="connsiteY3" fmla="*/ 87776 h 1164101"/>
              <a:gd name="connsiteX4" fmla="*/ 1452562 w 3609975"/>
              <a:gd name="connsiteY4" fmla="*/ 76664 h 1164101"/>
              <a:gd name="connsiteX5" fmla="*/ 1635126 w 3609975"/>
              <a:gd name="connsiteY5" fmla="*/ 751351 h 1164101"/>
              <a:gd name="connsiteX6" fmla="*/ 2254250 w 3609975"/>
              <a:gd name="connsiteY6" fmla="*/ 1024401 h 1164101"/>
              <a:gd name="connsiteX7" fmla="*/ 3609975 w 3609975"/>
              <a:gd name="connsiteY7" fmla="*/ 1164101 h 1164101"/>
              <a:gd name="connsiteX0" fmla="*/ 0 w 3609975"/>
              <a:gd name="connsiteY0" fmla="*/ 1166995 h 1166995"/>
              <a:gd name="connsiteX1" fmla="*/ 469900 w 3609975"/>
              <a:gd name="connsiteY1" fmla="*/ 1084445 h 1166995"/>
              <a:gd name="connsiteX2" fmla="*/ 1034257 w 3609975"/>
              <a:gd name="connsiteY2" fmla="*/ 727257 h 1166995"/>
              <a:gd name="connsiteX3" fmla="*/ 1200150 w 3609975"/>
              <a:gd name="connsiteY3" fmla="*/ 90670 h 1166995"/>
              <a:gd name="connsiteX4" fmla="*/ 1452562 w 3609975"/>
              <a:gd name="connsiteY4" fmla="*/ 74795 h 1166995"/>
              <a:gd name="connsiteX5" fmla="*/ 1635126 w 3609975"/>
              <a:gd name="connsiteY5" fmla="*/ 754245 h 1166995"/>
              <a:gd name="connsiteX6" fmla="*/ 2254250 w 3609975"/>
              <a:gd name="connsiteY6" fmla="*/ 1027295 h 1166995"/>
              <a:gd name="connsiteX7" fmla="*/ 3609975 w 3609975"/>
              <a:gd name="connsiteY7" fmla="*/ 1166995 h 1166995"/>
              <a:gd name="connsiteX0" fmla="*/ 0 w 3609975"/>
              <a:gd name="connsiteY0" fmla="*/ 1166678 h 1166678"/>
              <a:gd name="connsiteX1" fmla="*/ 469900 w 3609975"/>
              <a:gd name="connsiteY1" fmla="*/ 1084128 h 1166678"/>
              <a:gd name="connsiteX2" fmla="*/ 1034257 w 3609975"/>
              <a:gd name="connsiteY2" fmla="*/ 726940 h 1166678"/>
              <a:gd name="connsiteX3" fmla="*/ 1200150 w 3609975"/>
              <a:gd name="connsiteY3" fmla="*/ 90353 h 1166678"/>
              <a:gd name="connsiteX4" fmla="*/ 1452562 w 3609975"/>
              <a:gd name="connsiteY4" fmla="*/ 74478 h 1166678"/>
              <a:gd name="connsiteX5" fmla="*/ 1749426 w 3609975"/>
              <a:gd name="connsiteY5" fmla="*/ 749166 h 1166678"/>
              <a:gd name="connsiteX6" fmla="*/ 2254250 w 3609975"/>
              <a:gd name="connsiteY6" fmla="*/ 1026978 h 1166678"/>
              <a:gd name="connsiteX7" fmla="*/ 3609975 w 3609975"/>
              <a:gd name="connsiteY7" fmla="*/ 1166678 h 1166678"/>
              <a:gd name="connsiteX0" fmla="*/ 0 w 3609975"/>
              <a:gd name="connsiteY0" fmla="*/ 1167409 h 1167409"/>
              <a:gd name="connsiteX1" fmla="*/ 469900 w 3609975"/>
              <a:gd name="connsiteY1" fmla="*/ 1084859 h 1167409"/>
              <a:gd name="connsiteX2" fmla="*/ 996157 w 3609975"/>
              <a:gd name="connsiteY2" fmla="*/ 740371 h 1167409"/>
              <a:gd name="connsiteX3" fmla="*/ 1200150 w 3609975"/>
              <a:gd name="connsiteY3" fmla="*/ 91084 h 1167409"/>
              <a:gd name="connsiteX4" fmla="*/ 1452562 w 3609975"/>
              <a:gd name="connsiteY4" fmla="*/ 75209 h 1167409"/>
              <a:gd name="connsiteX5" fmla="*/ 1749426 w 3609975"/>
              <a:gd name="connsiteY5" fmla="*/ 749897 h 1167409"/>
              <a:gd name="connsiteX6" fmla="*/ 2254250 w 3609975"/>
              <a:gd name="connsiteY6" fmla="*/ 1027709 h 1167409"/>
              <a:gd name="connsiteX7" fmla="*/ 3609975 w 3609975"/>
              <a:gd name="connsiteY7" fmla="*/ 1167409 h 1167409"/>
              <a:gd name="connsiteX0" fmla="*/ 0 w 3609975"/>
              <a:gd name="connsiteY0" fmla="*/ 1175941 h 1175941"/>
              <a:gd name="connsiteX1" fmla="*/ 469900 w 3609975"/>
              <a:gd name="connsiteY1" fmla="*/ 1093391 h 1175941"/>
              <a:gd name="connsiteX2" fmla="*/ 996157 w 3609975"/>
              <a:gd name="connsiteY2" fmla="*/ 748903 h 1175941"/>
              <a:gd name="connsiteX3" fmla="*/ 1225550 w 3609975"/>
              <a:gd name="connsiteY3" fmla="*/ 83741 h 1175941"/>
              <a:gd name="connsiteX4" fmla="*/ 1452562 w 3609975"/>
              <a:gd name="connsiteY4" fmla="*/ 83741 h 1175941"/>
              <a:gd name="connsiteX5" fmla="*/ 1749426 w 3609975"/>
              <a:gd name="connsiteY5" fmla="*/ 758429 h 1175941"/>
              <a:gd name="connsiteX6" fmla="*/ 2254250 w 3609975"/>
              <a:gd name="connsiteY6" fmla="*/ 1036241 h 1175941"/>
              <a:gd name="connsiteX7" fmla="*/ 3609975 w 3609975"/>
              <a:gd name="connsiteY7" fmla="*/ 1175941 h 1175941"/>
              <a:gd name="connsiteX0" fmla="*/ 0 w 3609975"/>
              <a:gd name="connsiteY0" fmla="*/ 1175941 h 1175941"/>
              <a:gd name="connsiteX1" fmla="*/ 469900 w 3609975"/>
              <a:gd name="connsiteY1" fmla="*/ 1093391 h 1175941"/>
              <a:gd name="connsiteX2" fmla="*/ 996157 w 3609975"/>
              <a:gd name="connsiteY2" fmla="*/ 748903 h 1175941"/>
              <a:gd name="connsiteX3" fmla="*/ 1225550 w 3609975"/>
              <a:gd name="connsiteY3" fmla="*/ 83741 h 1175941"/>
              <a:gd name="connsiteX4" fmla="*/ 1452562 w 3609975"/>
              <a:gd name="connsiteY4" fmla="*/ 83741 h 1175941"/>
              <a:gd name="connsiteX5" fmla="*/ 1749426 w 3609975"/>
              <a:gd name="connsiteY5" fmla="*/ 758429 h 1175941"/>
              <a:gd name="connsiteX6" fmla="*/ 1860506 w 3609975"/>
              <a:gd name="connsiteY6" fmla="*/ 877543 h 1175941"/>
              <a:gd name="connsiteX7" fmla="*/ 2254250 w 3609975"/>
              <a:gd name="connsiteY7" fmla="*/ 1036241 h 1175941"/>
              <a:gd name="connsiteX8" fmla="*/ 3609975 w 3609975"/>
              <a:gd name="connsiteY8" fmla="*/ 1175941 h 1175941"/>
              <a:gd name="connsiteX0" fmla="*/ 0 w 3609975"/>
              <a:gd name="connsiteY0" fmla="*/ 1175941 h 1175941"/>
              <a:gd name="connsiteX1" fmla="*/ 469900 w 3609975"/>
              <a:gd name="connsiteY1" fmla="*/ 1093391 h 1175941"/>
              <a:gd name="connsiteX2" fmla="*/ 996157 w 3609975"/>
              <a:gd name="connsiteY2" fmla="*/ 748903 h 1175941"/>
              <a:gd name="connsiteX3" fmla="*/ 1225550 w 3609975"/>
              <a:gd name="connsiteY3" fmla="*/ 83741 h 1175941"/>
              <a:gd name="connsiteX4" fmla="*/ 1452562 w 3609975"/>
              <a:gd name="connsiteY4" fmla="*/ 83741 h 1175941"/>
              <a:gd name="connsiteX5" fmla="*/ 1749426 w 3609975"/>
              <a:gd name="connsiteY5" fmla="*/ 758429 h 1175941"/>
              <a:gd name="connsiteX6" fmla="*/ 2028781 w 3609975"/>
              <a:gd name="connsiteY6" fmla="*/ 760068 h 1175941"/>
              <a:gd name="connsiteX7" fmla="*/ 2254250 w 3609975"/>
              <a:gd name="connsiteY7" fmla="*/ 1036241 h 1175941"/>
              <a:gd name="connsiteX8" fmla="*/ 3609975 w 3609975"/>
              <a:gd name="connsiteY8" fmla="*/ 1175941 h 1175941"/>
              <a:gd name="connsiteX0" fmla="*/ 0 w 3609975"/>
              <a:gd name="connsiteY0" fmla="*/ 1175941 h 1175941"/>
              <a:gd name="connsiteX1" fmla="*/ 469900 w 3609975"/>
              <a:gd name="connsiteY1" fmla="*/ 1093391 h 1175941"/>
              <a:gd name="connsiteX2" fmla="*/ 996157 w 3609975"/>
              <a:gd name="connsiteY2" fmla="*/ 748903 h 1175941"/>
              <a:gd name="connsiteX3" fmla="*/ 1225550 w 3609975"/>
              <a:gd name="connsiteY3" fmla="*/ 83741 h 1175941"/>
              <a:gd name="connsiteX4" fmla="*/ 1452562 w 3609975"/>
              <a:gd name="connsiteY4" fmla="*/ 83741 h 1175941"/>
              <a:gd name="connsiteX5" fmla="*/ 1749426 w 3609975"/>
              <a:gd name="connsiteY5" fmla="*/ 758429 h 1175941"/>
              <a:gd name="connsiteX6" fmla="*/ 2028781 w 3609975"/>
              <a:gd name="connsiteY6" fmla="*/ 760068 h 1175941"/>
              <a:gd name="connsiteX7" fmla="*/ 2254250 w 3609975"/>
              <a:gd name="connsiteY7" fmla="*/ 1036241 h 1175941"/>
              <a:gd name="connsiteX8" fmla="*/ 3609975 w 3609975"/>
              <a:gd name="connsiteY8" fmla="*/ 1175941 h 1175941"/>
              <a:gd name="connsiteX0" fmla="*/ 0 w 3609975"/>
              <a:gd name="connsiteY0" fmla="*/ 1184697 h 1184697"/>
              <a:gd name="connsiteX1" fmla="*/ 469900 w 3609975"/>
              <a:gd name="connsiteY1" fmla="*/ 1102147 h 1184697"/>
              <a:gd name="connsiteX2" fmla="*/ 996157 w 3609975"/>
              <a:gd name="connsiteY2" fmla="*/ 757659 h 1184697"/>
              <a:gd name="connsiteX3" fmla="*/ 1225550 w 3609975"/>
              <a:gd name="connsiteY3" fmla="*/ 92497 h 1184697"/>
              <a:gd name="connsiteX4" fmla="*/ 1452562 w 3609975"/>
              <a:gd name="connsiteY4" fmla="*/ 92497 h 1184697"/>
              <a:gd name="connsiteX5" fmla="*/ 1752601 w 3609975"/>
              <a:gd name="connsiteY5" fmla="*/ 903710 h 1184697"/>
              <a:gd name="connsiteX6" fmla="*/ 2028781 w 3609975"/>
              <a:gd name="connsiteY6" fmla="*/ 768824 h 1184697"/>
              <a:gd name="connsiteX7" fmla="*/ 2254250 w 3609975"/>
              <a:gd name="connsiteY7" fmla="*/ 1044997 h 1184697"/>
              <a:gd name="connsiteX8" fmla="*/ 3609975 w 3609975"/>
              <a:gd name="connsiteY8" fmla="*/ 1184697 h 1184697"/>
              <a:gd name="connsiteX0" fmla="*/ 0 w 3609975"/>
              <a:gd name="connsiteY0" fmla="*/ 1184697 h 1184697"/>
              <a:gd name="connsiteX1" fmla="*/ 469900 w 3609975"/>
              <a:gd name="connsiteY1" fmla="*/ 1102147 h 1184697"/>
              <a:gd name="connsiteX2" fmla="*/ 996157 w 3609975"/>
              <a:gd name="connsiteY2" fmla="*/ 757659 h 1184697"/>
              <a:gd name="connsiteX3" fmla="*/ 1225550 w 3609975"/>
              <a:gd name="connsiteY3" fmla="*/ 92497 h 1184697"/>
              <a:gd name="connsiteX4" fmla="*/ 1452562 w 3609975"/>
              <a:gd name="connsiteY4" fmla="*/ 92497 h 1184697"/>
              <a:gd name="connsiteX5" fmla="*/ 1752601 w 3609975"/>
              <a:gd name="connsiteY5" fmla="*/ 903710 h 1184697"/>
              <a:gd name="connsiteX6" fmla="*/ 2028781 w 3609975"/>
              <a:gd name="connsiteY6" fmla="*/ 768824 h 1184697"/>
              <a:gd name="connsiteX7" fmla="*/ 2254250 w 3609975"/>
              <a:gd name="connsiteY7" fmla="*/ 1044997 h 1184697"/>
              <a:gd name="connsiteX8" fmla="*/ 3609975 w 3609975"/>
              <a:gd name="connsiteY8" fmla="*/ 1184697 h 1184697"/>
              <a:gd name="connsiteX0" fmla="*/ 0 w 3609975"/>
              <a:gd name="connsiteY0" fmla="*/ 1184697 h 1184697"/>
              <a:gd name="connsiteX1" fmla="*/ 469900 w 3609975"/>
              <a:gd name="connsiteY1" fmla="*/ 1102147 h 1184697"/>
              <a:gd name="connsiteX2" fmla="*/ 996157 w 3609975"/>
              <a:gd name="connsiteY2" fmla="*/ 757659 h 1184697"/>
              <a:gd name="connsiteX3" fmla="*/ 1225550 w 3609975"/>
              <a:gd name="connsiteY3" fmla="*/ 92497 h 1184697"/>
              <a:gd name="connsiteX4" fmla="*/ 1452562 w 3609975"/>
              <a:gd name="connsiteY4" fmla="*/ 92497 h 1184697"/>
              <a:gd name="connsiteX5" fmla="*/ 1752601 w 3609975"/>
              <a:gd name="connsiteY5" fmla="*/ 903710 h 1184697"/>
              <a:gd name="connsiteX6" fmla="*/ 2028781 w 3609975"/>
              <a:gd name="connsiteY6" fmla="*/ 768824 h 1184697"/>
              <a:gd name="connsiteX7" fmla="*/ 2254250 w 3609975"/>
              <a:gd name="connsiteY7" fmla="*/ 1044997 h 1184697"/>
              <a:gd name="connsiteX8" fmla="*/ 3609975 w 3609975"/>
              <a:gd name="connsiteY8" fmla="*/ 1184697 h 1184697"/>
              <a:gd name="connsiteX0" fmla="*/ 0 w 3609975"/>
              <a:gd name="connsiteY0" fmla="*/ 1184697 h 1184697"/>
              <a:gd name="connsiteX1" fmla="*/ 469900 w 3609975"/>
              <a:gd name="connsiteY1" fmla="*/ 1102147 h 1184697"/>
              <a:gd name="connsiteX2" fmla="*/ 996157 w 3609975"/>
              <a:gd name="connsiteY2" fmla="*/ 757659 h 1184697"/>
              <a:gd name="connsiteX3" fmla="*/ 1225550 w 3609975"/>
              <a:gd name="connsiteY3" fmla="*/ 92497 h 1184697"/>
              <a:gd name="connsiteX4" fmla="*/ 1452562 w 3609975"/>
              <a:gd name="connsiteY4" fmla="*/ 92497 h 1184697"/>
              <a:gd name="connsiteX5" fmla="*/ 1752601 w 3609975"/>
              <a:gd name="connsiteY5" fmla="*/ 903710 h 1184697"/>
              <a:gd name="connsiteX6" fmla="*/ 2028781 w 3609975"/>
              <a:gd name="connsiteY6" fmla="*/ 768824 h 1184697"/>
              <a:gd name="connsiteX7" fmla="*/ 2409825 w 3609975"/>
              <a:gd name="connsiteY7" fmla="*/ 1064047 h 1184697"/>
              <a:gd name="connsiteX8" fmla="*/ 3609975 w 3609975"/>
              <a:gd name="connsiteY8" fmla="*/ 1184697 h 1184697"/>
              <a:gd name="connsiteX0" fmla="*/ 0 w 3609975"/>
              <a:gd name="connsiteY0" fmla="*/ 1184697 h 1184697"/>
              <a:gd name="connsiteX1" fmla="*/ 298450 w 3609975"/>
              <a:gd name="connsiteY1" fmla="*/ 1105322 h 1184697"/>
              <a:gd name="connsiteX2" fmla="*/ 996157 w 3609975"/>
              <a:gd name="connsiteY2" fmla="*/ 757659 h 1184697"/>
              <a:gd name="connsiteX3" fmla="*/ 1225550 w 3609975"/>
              <a:gd name="connsiteY3" fmla="*/ 92497 h 1184697"/>
              <a:gd name="connsiteX4" fmla="*/ 1452562 w 3609975"/>
              <a:gd name="connsiteY4" fmla="*/ 92497 h 1184697"/>
              <a:gd name="connsiteX5" fmla="*/ 1752601 w 3609975"/>
              <a:gd name="connsiteY5" fmla="*/ 903710 h 1184697"/>
              <a:gd name="connsiteX6" fmla="*/ 2028781 w 3609975"/>
              <a:gd name="connsiteY6" fmla="*/ 768824 h 1184697"/>
              <a:gd name="connsiteX7" fmla="*/ 2409825 w 3609975"/>
              <a:gd name="connsiteY7" fmla="*/ 1064047 h 1184697"/>
              <a:gd name="connsiteX8" fmla="*/ 3609975 w 3609975"/>
              <a:gd name="connsiteY8" fmla="*/ 1184697 h 1184697"/>
              <a:gd name="connsiteX0" fmla="*/ 0 w 3609975"/>
              <a:gd name="connsiteY0" fmla="*/ 1188318 h 1188318"/>
              <a:gd name="connsiteX1" fmla="*/ 298450 w 3609975"/>
              <a:gd name="connsiteY1" fmla="*/ 1108943 h 1188318"/>
              <a:gd name="connsiteX2" fmla="*/ 767557 w 3609975"/>
              <a:gd name="connsiteY2" fmla="*/ 821605 h 1188318"/>
              <a:gd name="connsiteX3" fmla="*/ 1225550 w 3609975"/>
              <a:gd name="connsiteY3" fmla="*/ 96118 h 1188318"/>
              <a:gd name="connsiteX4" fmla="*/ 1452562 w 3609975"/>
              <a:gd name="connsiteY4" fmla="*/ 96118 h 1188318"/>
              <a:gd name="connsiteX5" fmla="*/ 1752601 w 3609975"/>
              <a:gd name="connsiteY5" fmla="*/ 907331 h 1188318"/>
              <a:gd name="connsiteX6" fmla="*/ 2028781 w 3609975"/>
              <a:gd name="connsiteY6" fmla="*/ 772445 h 1188318"/>
              <a:gd name="connsiteX7" fmla="*/ 2409825 w 3609975"/>
              <a:gd name="connsiteY7" fmla="*/ 1067668 h 1188318"/>
              <a:gd name="connsiteX8" fmla="*/ 3609975 w 3609975"/>
              <a:gd name="connsiteY8" fmla="*/ 1188318 h 1188318"/>
              <a:gd name="connsiteX0" fmla="*/ 0 w 3609975"/>
              <a:gd name="connsiteY0" fmla="*/ 1100694 h 1100694"/>
              <a:gd name="connsiteX1" fmla="*/ 298450 w 3609975"/>
              <a:gd name="connsiteY1" fmla="*/ 1021319 h 1100694"/>
              <a:gd name="connsiteX2" fmla="*/ 767557 w 3609975"/>
              <a:gd name="connsiteY2" fmla="*/ 733981 h 1100694"/>
              <a:gd name="connsiteX3" fmla="*/ 1238250 w 3609975"/>
              <a:gd name="connsiteY3" fmla="*/ 414894 h 1100694"/>
              <a:gd name="connsiteX4" fmla="*/ 1452562 w 3609975"/>
              <a:gd name="connsiteY4" fmla="*/ 8494 h 1100694"/>
              <a:gd name="connsiteX5" fmla="*/ 1752601 w 3609975"/>
              <a:gd name="connsiteY5" fmla="*/ 819707 h 1100694"/>
              <a:gd name="connsiteX6" fmla="*/ 2028781 w 3609975"/>
              <a:gd name="connsiteY6" fmla="*/ 684821 h 1100694"/>
              <a:gd name="connsiteX7" fmla="*/ 2409825 w 3609975"/>
              <a:gd name="connsiteY7" fmla="*/ 980044 h 1100694"/>
              <a:gd name="connsiteX8" fmla="*/ 3609975 w 3609975"/>
              <a:gd name="connsiteY8" fmla="*/ 1100694 h 1100694"/>
              <a:gd name="connsiteX0" fmla="*/ 0 w 3609975"/>
              <a:gd name="connsiteY0" fmla="*/ 750263 h 750263"/>
              <a:gd name="connsiteX1" fmla="*/ 298450 w 3609975"/>
              <a:gd name="connsiteY1" fmla="*/ 670888 h 750263"/>
              <a:gd name="connsiteX2" fmla="*/ 767557 w 3609975"/>
              <a:gd name="connsiteY2" fmla="*/ 383550 h 750263"/>
              <a:gd name="connsiteX3" fmla="*/ 1238250 w 3609975"/>
              <a:gd name="connsiteY3" fmla="*/ 64463 h 750263"/>
              <a:gd name="connsiteX4" fmla="*/ 1604962 w 3609975"/>
              <a:gd name="connsiteY4" fmla="*/ 35888 h 750263"/>
              <a:gd name="connsiteX5" fmla="*/ 1752601 w 3609975"/>
              <a:gd name="connsiteY5" fmla="*/ 469276 h 750263"/>
              <a:gd name="connsiteX6" fmla="*/ 2028781 w 3609975"/>
              <a:gd name="connsiteY6" fmla="*/ 334390 h 750263"/>
              <a:gd name="connsiteX7" fmla="*/ 2409825 w 3609975"/>
              <a:gd name="connsiteY7" fmla="*/ 629613 h 750263"/>
              <a:gd name="connsiteX8" fmla="*/ 3609975 w 3609975"/>
              <a:gd name="connsiteY8" fmla="*/ 750263 h 750263"/>
              <a:gd name="connsiteX0" fmla="*/ 0 w 3609975"/>
              <a:gd name="connsiteY0" fmla="*/ 750263 h 750263"/>
              <a:gd name="connsiteX1" fmla="*/ 206375 w 3609975"/>
              <a:gd name="connsiteY1" fmla="*/ 677238 h 750263"/>
              <a:gd name="connsiteX2" fmla="*/ 767557 w 3609975"/>
              <a:gd name="connsiteY2" fmla="*/ 383550 h 750263"/>
              <a:gd name="connsiteX3" fmla="*/ 1238250 w 3609975"/>
              <a:gd name="connsiteY3" fmla="*/ 64463 h 750263"/>
              <a:gd name="connsiteX4" fmla="*/ 1604962 w 3609975"/>
              <a:gd name="connsiteY4" fmla="*/ 35888 h 750263"/>
              <a:gd name="connsiteX5" fmla="*/ 1752601 w 3609975"/>
              <a:gd name="connsiteY5" fmla="*/ 469276 h 750263"/>
              <a:gd name="connsiteX6" fmla="*/ 2028781 w 3609975"/>
              <a:gd name="connsiteY6" fmla="*/ 334390 h 750263"/>
              <a:gd name="connsiteX7" fmla="*/ 2409825 w 3609975"/>
              <a:gd name="connsiteY7" fmla="*/ 629613 h 750263"/>
              <a:gd name="connsiteX8" fmla="*/ 3609975 w 3609975"/>
              <a:gd name="connsiteY8" fmla="*/ 750263 h 750263"/>
              <a:gd name="connsiteX0" fmla="*/ 0 w 3609975"/>
              <a:gd name="connsiteY0" fmla="*/ 739180 h 739180"/>
              <a:gd name="connsiteX1" fmla="*/ 206375 w 3609975"/>
              <a:gd name="connsiteY1" fmla="*/ 666155 h 739180"/>
              <a:gd name="connsiteX2" fmla="*/ 767557 w 3609975"/>
              <a:gd name="connsiteY2" fmla="*/ 372467 h 739180"/>
              <a:gd name="connsiteX3" fmla="*/ 1238250 w 3609975"/>
              <a:gd name="connsiteY3" fmla="*/ 53380 h 739180"/>
              <a:gd name="connsiteX4" fmla="*/ 1604962 w 3609975"/>
              <a:gd name="connsiteY4" fmla="*/ 24805 h 739180"/>
              <a:gd name="connsiteX5" fmla="*/ 1758951 w 3609975"/>
              <a:gd name="connsiteY5" fmla="*/ 305793 h 739180"/>
              <a:gd name="connsiteX6" fmla="*/ 2028781 w 3609975"/>
              <a:gd name="connsiteY6" fmla="*/ 323307 h 739180"/>
              <a:gd name="connsiteX7" fmla="*/ 2409825 w 3609975"/>
              <a:gd name="connsiteY7" fmla="*/ 618530 h 739180"/>
              <a:gd name="connsiteX8" fmla="*/ 3609975 w 3609975"/>
              <a:gd name="connsiteY8" fmla="*/ 739180 h 739180"/>
              <a:gd name="connsiteX0" fmla="*/ 0 w 3609975"/>
              <a:gd name="connsiteY0" fmla="*/ 739180 h 739180"/>
              <a:gd name="connsiteX1" fmla="*/ 206375 w 3609975"/>
              <a:gd name="connsiteY1" fmla="*/ 666155 h 739180"/>
              <a:gd name="connsiteX2" fmla="*/ 767557 w 3609975"/>
              <a:gd name="connsiteY2" fmla="*/ 372467 h 739180"/>
              <a:gd name="connsiteX3" fmla="*/ 1238250 w 3609975"/>
              <a:gd name="connsiteY3" fmla="*/ 53380 h 739180"/>
              <a:gd name="connsiteX4" fmla="*/ 1604962 w 3609975"/>
              <a:gd name="connsiteY4" fmla="*/ 24805 h 739180"/>
              <a:gd name="connsiteX5" fmla="*/ 1758951 w 3609975"/>
              <a:gd name="connsiteY5" fmla="*/ 305793 h 739180"/>
              <a:gd name="connsiteX6" fmla="*/ 2085931 w 3609975"/>
              <a:gd name="connsiteY6" fmla="*/ 370932 h 739180"/>
              <a:gd name="connsiteX7" fmla="*/ 2409825 w 3609975"/>
              <a:gd name="connsiteY7" fmla="*/ 618530 h 739180"/>
              <a:gd name="connsiteX8" fmla="*/ 3609975 w 3609975"/>
              <a:gd name="connsiteY8" fmla="*/ 739180 h 739180"/>
              <a:gd name="connsiteX0" fmla="*/ 0 w 3609975"/>
              <a:gd name="connsiteY0" fmla="*/ 742625 h 742625"/>
              <a:gd name="connsiteX1" fmla="*/ 206375 w 3609975"/>
              <a:gd name="connsiteY1" fmla="*/ 669600 h 742625"/>
              <a:gd name="connsiteX2" fmla="*/ 767557 w 3609975"/>
              <a:gd name="connsiteY2" fmla="*/ 375912 h 742625"/>
              <a:gd name="connsiteX3" fmla="*/ 1238250 w 3609975"/>
              <a:gd name="connsiteY3" fmla="*/ 56825 h 742625"/>
              <a:gd name="connsiteX4" fmla="*/ 1604962 w 3609975"/>
              <a:gd name="connsiteY4" fmla="*/ 28250 h 742625"/>
              <a:gd name="connsiteX5" fmla="*/ 1809751 w 3609975"/>
              <a:gd name="connsiteY5" fmla="*/ 356863 h 742625"/>
              <a:gd name="connsiteX6" fmla="*/ 2085931 w 3609975"/>
              <a:gd name="connsiteY6" fmla="*/ 374377 h 742625"/>
              <a:gd name="connsiteX7" fmla="*/ 2409825 w 3609975"/>
              <a:gd name="connsiteY7" fmla="*/ 621975 h 742625"/>
              <a:gd name="connsiteX8" fmla="*/ 3609975 w 3609975"/>
              <a:gd name="connsiteY8" fmla="*/ 742625 h 742625"/>
              <a:gd name="connsiteX0" fmla="*/ 0 w 3609975"/>
              <a:gd name="connsiteY0" fmla="*/ 706826 h 706826"/>
              <a:gd name="connsiteX1" fmla="*/ 206375 w 3609975"/>
              <a:gd name="connsiteY1" fmla="*/ 633801 h 706826"/>
              <a:gd name="connsiteX2" fmla="*/ 767557 w 3609975"/>
              <a:gd name="connsiteY2" fmla="*/ 340113 h 706826"/>
              <a:gd name="connsiteX3" fmla="*/ 1238250 w 3609975"/>
              <a:gd name="connsiteY3" fmla="*/ 21026 h 706826"/>
              <a:gd name="connsiteX4" fmla="*/ 1579562 w 3609975"/>
              <a:gd name="connsiteY4" fmla="*/ 62301 h 706826"/>
              <a:gd name="connsiteX5" fmla="*/ 1809751 w 3609975"/>
              <a:gd name="connsiteY5" fmla="*/ 321064 h 706826"/>
              <a:gd name="connsiteX6" fmla="*/ 2085931 w 3609975"/>
              <a:gd name="connsiteY6" fmla="*/ 338578 h 706826"/>
              <a:gd name="connsiteX7" fmla="*/ 2409825 w 3609975"/>
              <a:gd name="connsiteY7" fmla="*/ 586176 h 706826"/>
              <a:gd name="connsiteX8" fmla="*/ 3609975 w 3609975"/>
              <a:gd name="connsiteY8" fmla="*/ 706826 h 706826"/>
              <a:gd name="connsiteX0" fmla="*/ 0 w 3609975"/>
              <a:gd name="connsiteY0" fmla="*/ 706826 h 706826"/>
              <a:gd name="connsiteX1" fmla="*/ 206375 w 3609975"/>
              <a:gd name="connsiteY1" fmla="*/ 633801 h 706826"/>
              <a:gd name="connsiteX2" fmla="*/ 767557 w 3609975"/>
              <a:gd name="connsiteY2" fmla="*/ 340113 h 706826"/>
              <a:gd name="connsiteX3" fmla="*/ 1238250 w 3609975"/>
              <a:gd name="connsiteY3" fmla="*/ 21026 h 706826"/>
              <a:gd name="connsiteX4" fmla="*/ 1579562 w 3609975"/>
              <a:gd name="connsiteY4" fmla="*/ 62301 h 706826"/>
              <a:gd name="connsiteX5" fmla="*/ 1809751 w 3609975"/>
              <a:gd name="connsiteY5" fmla="*/ 321064 h 706826"/>
              <a:gd name="connsiteX6" fmla="*/ 2085931 w 3609975"/>
              <a:gd name="connsiteY6" fmla="*/ 338578 h 706826"/>
              <a:gd name="connsiteX7" fmla="*/ 2492375 w 3609975"/>
              <a:gd name="connsiteY7" fmla="*/ 487751 h 706826"/>
              <a:gd name="connsiteX8" fmla="*/ 3609975 w 3609975"/>
              <a:gd name="connsiteY8" fmla="*/ 706826 h 706826"/>
              <a:gd name="connsiteX0" fmla="*/ 0 w 3609975"/>
              <a:gd name="connsiteY0" fmla="*/ 704674 h 704674"/>
              <a:gd name="connsiteX1" fmla="*/ 206375 w 3609975"/>
              <a:gd name="connsiteY1" fmla="*/ 631649 h 704674"/>
              <a:gd name="connsiteX2" fmla="*/ 767557 w 3609975"/>
              <a:gd name="connsiteY2" fmla="*/ 337961 h 704674"/>
              <a:gd name="connsiteX3" fmla="*/ 1238250 w 3609975"/>
              <a:gd name="connsiteY3" fmla="*/ 18874 h 704674"/>
              <a:gd name="connsiteX4" fmla="*/ 1579562 w 3609975"/>
              <a:gd name="connsiteY4" fmla="*/ 60149 h 704674"/>
              <a:gd name="connsiteX5" fmla="*/ 1803401 w 3609975"/>
              <a:gd name="connsiteY5" fmla="*/ 252237 h 704674"/>
              <a:gd name="connsiteX6" fmla="*/ 2085931 w 3609975"/>
              <a:gd name="connsiteY6" fmla="*/ 336426 h 704674"/>
              <a:gd name="connsiteX7" fmla="*/ 2492375 w 3609975"/>
              <a:gd name="connsiteY7" fmla="*/ 485599 h 704674"/>
              <a:gd name="connsiteX8" fmla="*/ 3609975 w 3609975"/>
              <a:gd name="connsiteY8" fmla="*/ 704674 h 704674"/>
              <a:gd name="connsiteX0" fmla="*/ 0 w 3609975"/>
              <a:gd name="connsiteY0" fmla="*/ 704674 h 704674"/>
              <a:gd name="connsiteX1" fmla="*/ 206375 w 3609975"/>
              <a:gd name="connsiteY1" fmla="*/ 631649 h 704674"/>
              <a:gd name="connsiteX2" fmla="*/ 767557 w 3609975"/>
              <a:gd name="connsiteY2" fmla="*/ 337961 h 704674"/>
              <a:gd name="connsiteX3" fmla="*/ 1238250 w 3609975"/>
              <a:gd name="connsiteY3" fmla="*/ 18874 h 704674"/>
              <a:gd name="connsiteX4" fmla="*/ 1579562 w 3609975"/>
              <a:gd name="connsiteY4" fmla="*/ 60149 h 704674"/>
              <a:gd name="connsiteX5" fmla="*/ 1803401 w 3609975"/>
              <a:gd name="connsiteY5" fmla="*/ 252237 h 704674"/>
              <a:gd name="connsiteX6" fmla="*/ 2165306 w 3609975"/>
              <a:gd name="connsiteY6" fmla="*/ 317376 h 704674"/>
              <a:gd name="connsiteX7" fmla="*/ 2492375 w 3609975"/>
              <a:gd name="connsiteY7" fmla="*/ 485599 h 704674"/>
              <a:gd name="connsiteX8" fmla="*/ 3609975 w 3609975"/>
              <a:gd name="connsiteY8" fmla="*/ 704674 h 704674"/>
              <a:gd name="connsiteX0" fmla="*/ 0 w 3609975"/>
              <a:gd name="connsiteY0" fmla="*/ 706825 h 706825"/>
              <a:gd name="connsiteX1" fmla="*/ 206375 w 3609975"/>
              <a:gd name="connsiteY1" fmla="*/ 633800 h 706825"/>
              <a:gd name="connsiteX2" fmla="*/ 767557 w 3609975"/>
              <a:gd name="connsiteY2" fmla="*/ 340112 h 706825"/>
              <a:gd name="connsiteX3" fmla="*/ 1238250 w 3609975"/>
              <a:gd name="connsiteY3" fmla="*/ 21025 h 706825"/>
              <a:gd name="connsiteX4" fmla="*/ 1579562 w 3609975"/>
              <a:gd name="connsiteY4" fmla="*/ 62300 h 706825"/>
              <a:gd name="connsiteX5" fmla="*/ 1806576 w 3609975"/>
              <a:gd name="connsiteY5" fmla="*/ 321063 h 706825"/>
              <a:gd name="connsiteX6" fmla="*/ 2165306 w 3609975"/>
              <a:gd name="connsiteY6" fmla="*/ 319527 h 706825"/>
              <a:gd name="connsiteX7" fmla="*/ 2492375 w 3609975"/>
              <a:gd name="connsiteY7" fmla="*/ 487750 h 706825"/>
              <a:gd name="connsiteX8" fmla="*/ 3609975 w 3609975"/>
              <a:gd name="connsiteY8" fmla="*/ 706825 h 706825"/>
              <a:gd name="connsiteX0" fmla="*/ 0 w 3609975"/>
              <a:gd name="connsiteY0" fmla="*/ 706825 h 706825"/>
              <a:gd name="connsiteX1" fmla="*/ 206375 w 3609975"/>
              <a:gd name="connsiteY1" fmla="*/ 633800 h 706825"/>
              <a:gd name="connsiteX2" fmla="*/ 767557 w 3609975"/>
              <a:gd name="connsiteY2" fmla="*/ 340112 h 706825"/>
              <a:gd name="connsiteX3" fmla="*/ 1238250 w 3609975"/>
              <a:gd name="connsiteY3" fmla="*/ 21025 h 706825"/>
              <a:gd name="connsiteX4" fmla="*/ 1579562 w 3609975"/>
              <a:gd name="connsiteY4" fmla="*/ 62300 h 706825"/>
              <a:gd name="connsiteX5" fmla="*/ 1806576 w 3609975"/>
              <a:gd name="connsiteY5" fmla="*/ 321063 h 706825"/>
              <a:gd name="connsiteX6" fmla="*/ 2165306 w 3609975"/>
              <a:gd name="connsiteY6" fmla="*/ 319527 h 706825"/>
              <a:gd name="connsiteX7" fmla="*/ 2609850 w 3609975"/>
              <a:gd name="connsiteY7" fmla="*/ 471875 h 706825"/>
              <a:gd name="connsiteX8" fmla="*/ 3609975 w 3609975"/>
              <a:gd name="connsiteY8" fmla="*/ 706825 h 706825"/>
              <a:gd name="connsiteX0" fmla="*/ 0 w 3609975"/>
              <a:gd name="connsiteY0" fmla="*/ 706825 h 706825"/>
              <a:gd name="connsiteX1" fmla="*/ 206375 w 3609975"/>
              <a:gd name="connsiteY1" fmla="*/ 633800 h 706825"/>
              <a:gd name="connsiteX2" fmla="*/ 767557 w 3609975"/>
              <a:gd name="connsiteY2" fmla="*/ 340112 h 706825"/>
              <a:gd name="connsiteX3" fmla="*/ 1238250 w 3609975"/>
              <a:gd name="connsiteY3" fmla="*/ 21025 h 706825"/>
              <a:gd name="connsiteX4" fmla="*/ 1579562 w 3609975"/>
              <a:gd name="connsiteY4" fmla="*/ 62300 h 706825"/>
              <a:gd name="connsiteX5" fmla="*/ 1806576 w 3609975"/>
              <a:gd name="connsiteY5" fmla="*/ 321063 h 706825"/>
              <a:gd name="connsiteX6" fmla="*/ 2165306 w 3609975"/>
              <a:gd name="connsiteY6" fmla="*/ 319527 h 706825"/>
              <a:gd name="connsiteX7" fmla="*/ 2609850 w 3609975"/>
              <a:gd name="connsiteY7" fmla="*/ 471875 h 706825"/>
              <a:gd name="connsiteX8" fmla="*/ 3609975 w 3609975"/>
              <a:gd name="connsiteY8" fmla="*/ 706825 h 706825"/>
              <a:gd name="connsiteX0" fmla="*/ 0 w 3609975"/>
              <a:gd name="connsiteY0" fmla="*/ 706825 h 706825"/>
              <a:gd name="connsiteX1" fmla="*/ 206375 w 3609975"/>
              <a:gd name="connsiteY1" fmla="*/ 633800 h 706825"/>
              <a:gd name="connsiteX2" fmla="*/ 767557 w 3609975"/>
              <a:gd name="connsiteY2" fmla="*/ 340112 h 706825"/>
              <a:gd name="connsiteX3" fmla="*/ 1238250 w 3609975"/>
              <a:gd name="connsiteY3" fmla="*/ 21025 h 706825"/>
              <a:gd name="connsiteX4" fmla="*/ 1579562 w 3609975"/>
              <a:gd name="connsiteY4" fmla="*/ 62300 h 706825"/>
              <a:gd name="connsiteX5" fmla="*/ 1806576 w 3609975"/>
              <a:gd name="connsiteY5" fmla="*/ 321063 h 706825"/>
              <a:gd name="connsiteX6" fmla="*/ 2165306 w 3609975"/>
              <a:gd name="connsiteY6" fmla="*/ 319527 h 706825"/>
              <a:gd name="connsiteX7" fmla="*/ 2609850 w 3609975"/>
              <a:gd name="connsiteY7" fmla="*/ 471875 h 706825"/>
              <a:gd name="connsiteX8" fmla="*/ 3609975 w 3609975"/>
              <a:gd name="connsiteY8" fmla="*/ 706825 h 706825"/>
              <a:gd name="connsiteX0" fmla="*/ 0 w 3609975"/>
              <a:gd name="connsiteY0" fmla="*/ 706825 h 706825"/>
              <a:gd name="connsiteX1" fmla="*/ 206375 w 3609975"/>
              <a:gd name="connsiteY1" fmla="*/ 633800 h 706825"/>
              <a:gd name="connsiteX2" fmla="*/ 767557 w 3609975"/>
              <a:gd name="connsiteY2" fmla="*/ 340112 h 706825"/>
              <a:gd name="connsiteX3" fmla="*/ 1238250 w 3609975"/>
              <a:gd name="connsiteY3" fmla="*/ 21025 h 706825"/>
              <a:gd name="connsiteX4" fmla="*/ 1579562 w 3609975"/>
              <a:gd name="connsiteY4" fmla="*/ 62300 h 706825"/>
              <a:gd name="connsiteX5" fmla="*/ 1806576 w 3609975"/>
              <a:gd name="connsiteY5" fmla="*/ 321063 h 706825"/>
              <a:gd name="connsiteX6" fmla="*/ 2165306 w 3609975"/>
              <a:gd name="connsiteY6" fmla="*/ 319527 h 706825"/>
              <a:gd name="connsiteX7" fmla="*/ 2609850 w 3609975"/>
              <a:gd name="connsiteY7" fmla="*/ 471875 h 706825"/>
              <a:gd name="connsiteX8" fmla="*/ 3609975 w 3609975"/>
              <a:gd name="connsiteY8" fmla="*/ 706825 h 706825"/>
              <a:gd name="connsiteX0" fmla="*/ 0 w 3609975"/>
              <a:gd name="connsiteY0" fmla="*/ 706716 h 706716"/>
              <a:gd name="connsiteX1" fmla="*/ 206375 w 3609975"/>
              <a:gd name="connsiteY1" fmla="*/ 633691 h 706716"/>
              <a:gd name="connsiteX2" fmla="*/ 767557 w 3609975"/>
              <a:gd name="connsiteY2" fmla="*/ 340003 h 706716"/>
              <a:gd name="connsiteX3" fmla="*/ 1238250 w 3609975"/>
              <a:gd name="connsiteY3" fmla="*/ 20916 h 706716"/>
              <a:gd name="connsiteX4" fmla="*/ 1579562 w 3609975"/>
              <a:gd name="connsiteY4" fmla="*/ 62191 h 706716"/>
              <a:gd name="connsiteX5" fmla="*/ 1857376 w 3609975"/>
              <a:gd name="connsiteY5" fmla="*/ 317779 h 706716"/>
              <a:gd name="connsiteX6" fmla="*/ 2165306 w 3609975"/>
              <a:gd name="connsiteY6" fmla="*/ 319418 h 706716"/>
              <a:gd name="connsiteX7" fmla="*/ 2609850 w 3609975"/>
              <a:gd name="connsiteY7" fmla="*/ 471766 h 706716"/>
              <a:gd name="connsiteX8" fmla="*/ 3609975 w 3609975"/>
              <a:gd name="connsiteY8" fmla="*/ 706716 h 706716"/>
              <a:gd name="connsiteX0" fmla="*/ 0 w 3609975"/>
              <a:gd name="connsiteY0" fmla="*/ 720661 h 720661"/>
              <a:gd name="connsiteX1" fmla="*/ 206375 w 3609975"/>
              <a:gd name="connsiteY1" fmla="*/ 647636 h 720661"/>
              <a:gd name="connsiteX2" fmla="*/ 767557 w 3609975"/>
              <a:gd name="connsiteY2" fmla="*/ 353948 h 720661"/>
              <a:gd name="connsiteX3" fmla="*/ 1238250 w 3609975"/>
              <a:gd name="connsiteY3" fmla="*/ 34861 h 720661"/>
              <a:gd name="connsiteX4" fmla="*/ 1579562 w 3609975"/>
              <a:gd name="connsiteY4" fmla="*/ 76136 h 720661"/>
              <a:gd name="connsiteX5" fmla="*/ 1857376 w 3609975"/>
              <a:gd name="connsiteY5" fmla="*/ 331724 h 720661"/>
              <a:gd name="connsiteX6" fmla="*/ 2165306 w 3609975"/>
              <a:gd name="connsiteY6" fmla="*/ 333363 h 720661"/>
              <a:gd name="connsiteX7" fmla="*/ 2609850 w 3609975"/>
              <a:gd name="connsiteY7" fmla="*/ 485711 h 720661"/>
              <a:gd name="connsiteX8" fmla="*/ 3609975 w 3609975"/>
              <a:gd name="connsiteY8" fmla="*/ 720661 h 720661"/>
              <a:gd name="connsiteX0" fmla="*/ 0 w 3609975"/>
              <a:gd name="connsiteY0" fmla="*/ 719155 h 719155"/>
              <a:gd name="connsiteX1" fmla="*/ 206375 w 3609975"/>
              <a:gd name="connsiteY1" fmla="*/ 646130 h 719155"/>
              <a:gd name="connsiteX2" fmla="*/ 669132 w 3609975"/>
              <a:gd name="connsiteY2" fmla="*/ 330217 h 719155"/>
              <a:gd name="connsiteX3" fmla="*/ 1238250 w 3609975"/>
              <a:gd name="connsiteY3" fmla="*/ 33355 h 719155"/>
              <a:gd name="connsiteX4" fmla="*/ 1579562 w 3609975"/>
              <a:gd name="connsiteY4" fmla="*/ 74630 h 719155"/>
              <a:gd name="connsiteX5" fmla="*/ 1857376 w 3609975"/>
              <a:gd name="connsiteY5" fmla="*/ 330218 h 719155"/>
              <a:gd name="connsiteX6" fmla="*/ 2165306 w 3609975"/>
              <a:gd name="connsiteY6" fmla="*/ 331857 h 719155"/>
              <a:gd name="connsiteX7" fmla="*/ 2609850 w 3609975"/>
              <a:gd name="connsiteY7" fmla="*/ 484205 h 719155"/>
              <a:gd name="connsiteX8" fmla="*/ 3609975 w 3609975"/>
              <a:gd name="connsiteY8" fmla="*/ 719155 h 719155"/>
              <a:gd name="connsiteX0" fmla="*/ 0 w 3609975"/>
              <a:gd name="connsiteY0" fmla="*/ 705741 h 705741"/>
              <a:gd name="connsiteX1" fmla="*/ 206375 w 3609975"/>
              <a:gd name="connsiteY1" fmla="*/ 632716 h 705741"/>
              <a:gd name="connsiteX2" fmla="*/ 669132 w 3609975"/>
              <a:gd name="connsiteY2" fmla="*/ 316803 h 705741"/>
              <a:gd name="connsiteX3" fmla="*/ 1238250 w 3609975"/>
              <a:gd name="connsiteY3" fmla="*/ 19941 h 705741"/>
              <a:gd name="connsiteX4" fmla="*/ 1579562 w 3609975"/>
              <a:gd name="connsiteY4" fmla="*/ 61216 h 705741"/>
              <a:gd name="connsiteX5" fmla="*/ 1908176 w 3609975"/>
              <a:gd name="connsiteY5" fmla="*/ 335854 h 705741"/>
              <a:gd name="connsiteX6" fmla="*/ 2165306 w 3609975"/>
              <a:gd name="connsiteY6" fmla="*/ 318443 h 705741"/>
              <a:gd name="connsiteX7" fmla="*/ 2609850 w 3609975"/>
              <a:gd name="connsiteY7" fmla="*/ 470791 h 705741"/>
              <a:gd name="connsiteX8" fmla="*/ 3609975 w 3609975"/>
              <a:gd name="connsiteY8" fmla="*/ 705741 h 705741"/>
              <a:gd name="connsiteX0" fmla="*/ 0 w 3609975"/>
              <a:gd name="connsiteY0" fmla="*/ 706438 h 706438"/>
              <a:gd name="connsiteX1" fmla="*/ 206375 w 3609975"/>
              <a:gd name="connsiteY1" fmla="*/ 633413 h 706438"/>
              <a:gd name="connsiteX2" fmla="*/ 669132 w 3609975"/>
              <a:gd name="connsiteY2" fmla="*/ 317500 h 706438"/>
              <a:gd name="connsiteX3" fmla="*/ 1238250 w 3609975"/>
              <a:gd name="connsiteY3" fmla="*/ 20638 h 706438"/>
              <a:gd name="connsiteX4" fmla="*/ 1579562 w 3609975"/>
              <a:gd name="connsiteY4" fmla="*/ 61913 h 706438"/>
              <a:gd name="connsiteX5" fmla="*/ 1879601 w 3609975"/>
              <a:gd name="connsiteY5" fmla="*/ 355601 h 706438"/>
              <a:gd name="connsiteX6" fmla="*/ 2165306 w 3609975"/>
              <a:gd name="connsiteY6" fmla="*/ 319140 h 706438"/>
              <a:gd name="connsiteX7" fmla="*/ 2609850 w 3609975"/>
              <a:gd name="connsiteY7" fmla="*/ 471488 h 706438"/>
              <a:gd name="connsiteX8" fmla="*/ 3609975 w 3609975"/>
              <a:gd name="connsiteY8" fmla="*/ 706438 h 706438"/>
              <a:gd name="connsiteX0" fmla="*/ 0 w 3609975"/>
              <a:gd name="connsiteY0" fmla="*/ 704433 h 704433"/>
              <a:gd name="connsiteX1" fmla="*/ 206375 w 3609975"/>
              <a:gd name="connsiteY1" fmla="*/ 631408 h 704433"/>
              <a:gd name="connsiteX2" fmla="*/ 669132 w 3609975"/>
              <a:gd name="connsiteY2" fmla="*/ 315495 h 704433"/>
              <a:gd name="connsiteX3" fmla="*/ 1238250 w 3609975"/>
              <a:gd name="connsiteY3" fmla="*/ 18633 h 704433"/>
              <a:gd name="connsiteX4" fmla="*/ 1579562 w 3609975"/>
              <a:gd name="connsiteY4" fmla="*/ 59908 h 704433"/>
              <a:gd name="connsiteX5" fmla="*/ 1873251 w 3609975"/>
              <a:gd name="connsiteY5" fmla="*/ 296446 h 704433"/>
              <a:gd name="connsiteX6" fmla="*/ 2165306 w 3609975"/>
              <a:gd name="connsiteY6" fmla="*/ 317135 h 704433"/>
              <a:gd name="connsiteX7" fmla="*/ 2609850 w 3609975"/>
              <a:gd name="connsiteY7" fmla="*/ 469483 h 704433"/>
              <a:gd name="connsiteX8" fmla="*/ 3609975 w 3609975"/>
              <a:gd name="connsiteY8" fmla="*/ 704433 h 70443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3609975" h="704433">
                <a:moveTo>
                  <a:pt x="0" y="704433"/>
                </a:moveTo>
                <a:cubicBezTo>
                  <a:pt x="163248" y="691204"/>
                  <a:pt x="94853" y="696231"/>
                  <a:pt x="206375" y="631408"/>
                </a:cubicBezTo>
                <a:cubicBezTo>
                  <a:pt x="317897" y="566585"/>
                  <a:pt x="497153" y="417624"/>
                  <a:pt x="669132" y="315495"/>
                </a:cubicBezTo>
                <a:cubicBezTo>
                  <a:pt x="841111" y="213366"/>
                  <a:pt x="1086512" y="61231"/>
                  <a:pt x="1238250" y="18633"/>
                </a:cubicBezTo>
                <a:cubicBezTo>
                  <a:pt x="1389988" y="-23965"/>
                  <a:pt x="1473729" y="13606"/>
                  <a:pt x="1579562" y="59908"/>
                </a:cubicBezTo>
                <a:cubicBezTo>
                  <a:pt x="1685395" y="106210"/>
                  <a:pt x="1775627" y="253575"/>
                  <a:pt x="1873251" y="296446"/>
                </a:cubicBezTo>
                <a:cubicBezTo>
                  <a:pt x="1970875" y="339317"/>
                  <a:pt x="2042540" y="288296"/>
                  <a:pt x="2165306" y="317135"/>
                </a:cubicBezTo>
                <a:cubicBezTo>
                  <a:pt x="2288073" y="345975"/>
                  <a:pt x="2356372" y="436683"/>
                  <a:pt x="2609850" y="469483"/>
                </a:cubicBezTo>
                <a:cubicBezTo>
                  <a:pt x="2863328" y="502283"/>
                  <a:pt x="3067050" y="606008"/>
                  <a:pt x="3609975" y="704433"/>
                </a:cubicBezTo>
              </a:path>
            </a:pathLst>
          </a:custGeom>
          <a:solidFill>
            <a:schemeClr val="accent2">
              <a:lumMod val="75000"/>
              <a:alpha val="25000"/>
            </a:schemeClr>
          </a:solidFill>
          <a:ln w="25400">
            <a:solidFill>
              <a:schemeClr val="accent2">
                <a:lumMod val="50000"/>
                <a:alpha val="2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57" name="Freeform 56"/>
          <p:cNvSpPr/>
          <p:nvPr/>
        </p:nvSpPr>
        <p:spPr>
          <a:xfrm>
            <a:off x="4311650" y="3381303"/>
            <a:ext cx="3609975" cy="766916"/>
          </a:xfrm>
          <a:custGeom>
            <a:avLst/>
            <a:gdLst>
              <a:gd name="connsiteX0" fmla="*/ 0 w 3606800"/>
              <a:gd name="connsiteY0" fmla="*/ 444745 h 595387"/>
              <a:gd name="connsiteX1" fmla="*/ 273050 w 3606800"/>
              <a:gd name="connsiteY1" fmla="*/ 245 h 595387"/>
              <a:gd name="connsiteX2" fmla="*/ 412750 w 3606800"/>
              <a:gd name="connsiteY2" fmla="*/ 381245 h 595387"/>
              <a:gd name="connsiteX3" fmla="*/ 622300 w 3606800"/>
              <a:gd name="connsiteY3" fmla="*/ 343145 h 595387"/>
              <a:gd name="connsiteX4" fmla="*/ 882650 w 3606800"/>
              <a:gd name="connsiteY4" fmla="*/ 412995 h 595387"/>
              <a:gd name="connsiteX5" fmla="*/ 1073150 w 3606800"/>
              <a:gd name="connsiteY5" fmla="*/ 25645 h 595387"/>
              <a:gd name="connsiteX6" fmla="*/ 1225550 w 3606800"/>
              <a:gd name="connsiteY6" fmla="*/ 552695 h 595387"/>
              <a:gd name="connsiteX7" fmla="*/ 1981200 w 3606800"/>
              <a:gd name="connsiteY7" fmla="*/ 508245 h 595387"/>
              <a:gd name="connsiteX8" fmla="*/ 2857500 w 3606800"/>
              <a:gd name="connsiteY8" fmla="*/ 578095 h 595387"/>
              <a:gd name="connsiteX9" fmla="*/ 3181350 w 3606800"/>
              <a:gd name="connsiteY9" fmla="*/ 222495 h 595387"/>
              <a:gd name="connsiteX10" fmla="*/ 3390900 w 3606800"/>
              <a:gd name="connsiteY10" fmla="*/ 571745 h 595387"/>
              <a:gd name="connsiteX11" fmla="*/ 3606800 w 3606800"/>
              <a:gd name="connsiteY11" fmla="*/ 565395 h 595387"/>
              <a:gd name="connsiteX0" fmla="*/ 0 w 3606800"/>
              <a:gd name="connsiteY0" fmla="*/ 444745 h 595387"/>
              <a:gd name="connsiteX1" fmla="*/ 273050 w 3606800"/>
              <a:gd name="connsiteY1" fmla="*/ 245 h 595387"/>
              <a:gd name="connsiteX2" fmla="*/ 412750 w 3606800"/>
              <a:gd name="connsiteY2" fmla="*/ 381245 h 595387"/>
              <a:gd name="connsiteX3" fmla="*/ 622300 w 3606800"/>
              <a:gd name="connsiteY3" fmla="*/ 343145 h 595387"/>
              <a:gd name="connsiteX4" fmla="*/ 882650 w 3606800"/>
              <a:gd name="connsiteY4" fmla="*/ 412995 h 595387"/>
              <a:gd name="connsiteX5" fmla="*/ 1073150 w 3606800"/>
              <a:gd name="connsiteY5" fmla="*/ 25645 h 595387"/>
              <a:gd name="connsiteX6" fmla="*/ 1258888 w 3606800"/>
              <a:gd name="connsiteY6" fmla="*/ 524762 h 595387"/>
              <a:gd name="connsiteX7" fmla="*/ 1981200 w 3606800"/>
              <a:gd name="connsiteY7" fmla="*/ 508245 h 595387"/>
              <a:gd name="connsiteX8" fmla="*/ 2857500 w 3606800"/>
              <a:gd name="connsiteY8" fmla="*/ 578095 h 595387"/>
              <a:gd name="connsiteX9" fmla="*/ 3181350 w 3606800"/>
              <a:gd name="connsiteY9" fmla="*/ 222495 h 595387"/>
              <a:gd name="connsiteX10" fmla="*/ 3390900 w 3606800"/>
              <a:gd name="connsiteY10" fmla="*/ 571745 h 595387"/>
              <a:gd name="connsiteX11" fmla="*/ 3606800 w 3606800"/>
              <a:gd name="connsiteY11" fmla="*/ 565395 h 595387"/>
              <a:gd name="connsiteX0" fmla="*/ 0 w 3606800"/>
              <a:gd name="connsiteY0" fmla="*/ 444745 h 595387"/>
              <a:gd name="connsiteX1" fmla="*/ 273050 w 3606800"/>
              <a:gd name="connsiteY1" fmla="*/ 245 h 595387"/>
              <a:gd name="connsiteX2" fmla="*/ 412750 w 3606800"/>
              <a:gd name="connsiteY2" fmla="*/ 381245 h 595387"/>
              <a:gd name="connsiteX3" fmla="*/ 622300 w 3606800"/>
              <a:gd name="connsiteY3" fmla="*/ 343145 h 595387"/>
              <a:gd name="connsiteX4" fmla="*/ 882650 w 3606800"/>
              <a:gd name="connsiteY4" fmla="*/ 412995 h 595387"/>
              <a:gd name="connsiteX5" fmla="*/ 1073150 w 3606800"/>
              <a:gd name="connsiteY5" fmla="*/ 25645 h 595387"/>
              <a:gd name="connsiteX6" fmla="*/ 1258888 w 3606800"/>
              <a:gd name="connsiteY6" fmla="*/ 524762 h 595387"/>
              <a:gd name="connsiteX7" fmla="*/ 1981200 w 3606800"/>
              <a:gd name="connsiteY7" fmla="*/ 508245 h 595387"/>
              <a:gd name="connsiteX8" fmla="*/ 2890838 w 3606800"/>
              <a:gd name="connsiteY8" fmla="*/ 546671 h 595387"/>
              <a:gd name="connsiteX9" fmla="*/ 3181350 w 3606800"/>
              <a:gd name="connsiteY9" fmla="*/ 222495 h 595387"/>
              <a:gd name="connsiteX10" fmla="*/ 3390900 w 3606800"/>
              <a:gd name="connsiteY10" fmla="*/ 571745 h 595387"/>
              <a:gd name="connsiteX11" fmla="*/ 3606800 w 3606800"/>
              <a:gd name="connsiteY11" fmla="*/ 565395 h 595387"/>
              <a:gd name="connsiteX0" fmla="*/ 0 w 3606800"/>
              <a:gd name="connsiteY0" fmla="*/ 444745 h 595387"/>
              <a:gd name="connsiteX1" fmla="*/ 273050 w 3606800"/>
              <a:gd name="connsiteY1" fmla="*/ 245 h 595387"/>
              <a:gd name="connsiteX2" fmla="*/ 412750 w 3606800"/>
              <a:gd name="connsiteY2" fmla="*/ 381245 h 595387"/>
              <a:gd name="connsiteX3" fmla="*/ 622300 w 3606800"/>
              <a:gd name="connsiteY3" fmla="*/ 343145 h 595387"/>
              <a:gd name="connsiteX4" fmla="*/ 882650 w 3606800"/>
              <a:gd name="connsiteY4" fmla="*/ 412995 h 595387"/>
              <a:gd name="connsiteX5" fmla="*/ 1073150 w 3606800"/>
              <a:gd name="connsiteY5" fmla="*/ 25645 h 595387"/>
              <a:gd name="connsiteX6" fmla="*/ 1258888 w 3606800"/>
              <a:gd name="connsiteY6" fmla="*/ 524762 h 595387"/>
              <a:gd name="connsiteX7" fmla="*/ 1828800 w 3606800"/>
              <a:gd name="connsiteY7" fmla="*/ 532687 h 595387"/>
              <a:gd name="connsiteX8" fmla="*/ 2890838 w 3606800"/>
              <a:gd name="connsiteY8" fmla="*/ 546671 h 595387"/>
              <a:gd name="connsiteX9" fmla="*/ 3181350 w 3606800"/>
              <a:gd name="connsiteY9" fmla="*/ 222495 h 595387"/>
              <a:gd name="connsiteX10" fmla="*/ 3390900 w 3606800"/>
              <a:gd name="connsiteY10" fmla="*/ 571745 h 595387"/>
              <a:gd name="connsiteX11" fmla="*/ 3606800 w 3606800"/>
              <a:gd name="connsiteY11" fmla="*/ 565395 h 595387"/>
              <a:gd name="connsiteX0" fmla="*/ 0 w 3606800"/>
              <a:gd name="connsiteY0" fmla="*/ 444745 h 595387"/>
              <a:gd name="connsiteX1" fmla="*/ 273050 w 3606800"/>
              <a:gd name="connsiteY1" fmla="*/ 245 h 595387"/>
              <a:gd name="connsiteX2" fmla="*/ 412750 w 3606800"/>
              <a:gd name="connsiteY2" fmla="*/ 381245 h 595387"/>
              <a:gd name="connsiteX3" fmla="*/ 622300 w 3606800"/>
              <a:gd name="connsiteY3" fmla="*/ 343145 h 595387"/>
              <a:gd name="connsiteX4" fmla="*/ 882650 w 3606800"/>
              <a:gd name="connsiteY4" fmla="*/ 412995 h 595387"/>
              <a:gd name="connsiteX5" fmla="*/ 1073150 w 3606800"/>
              <a:gd name="connsiteY5" fmla="*/ 25645 h 595387"/>
              <a:gd name="connsiteX6" fmla="*/ 1258888 w 3606800"/>
              <a:gd name="connsiteY6" fmla="*/ 524762 h 595387"/>
              <a:gd name="connsiteX7" fmla="*/ 2085975 w 3606800"/>
              <a:gd name="connsiteY7" fmla="*/ 525704 h 595387"/>
              <a:gd name="connsiteX8" fmla="*/ 2890838 w 3606800"/>
              <a:gd name="connsiteY8" fmla="*/ 546671 h 595387"/>
              <a:gd name="connsiteX9" fmla="*/ 3181350 w 3606800"/>
              <a:gd name="connsiteY9" fmla="*/ 222495 h 595387"/>
              <a:gd name="connsiteX10" fmla="*/ 3390900 w 3606800"/>
              <a:gd name="connsiteY10" fmla="*/ 571745 h 595387"/>
              <a:gd name="connsiteX11" fmla="*/ 3606800 w 3606800"/>
              <a:gd name="connsiteY11" fmla="*/ 565395 h 595387"/>
              <a:gd name="connsiteX0" fmla="*/ 0 w 3606800"/>
              <a:gd name="connsiteY0" fmla="*/ 444745 h 565395"/>
              <a:gd name="connsiteX1" fmla="*/ 273050 w 3606800"/>
              <a:gd name="connsiteY1" fmla="*/ 245 h 565395"/>
              <a:gd name="connsiteX2" fmla="*/ 412750 w 3606800"/>
              <a:gd name="connsiteY2" fmla="*/ 381245 h 565395"/>
              <a:gd name="connsiteX3" fmla="*/ 622300 w 3606800"/>
              <a:gd name="connsiteY3" fmla="*/ 343145 h 565395"/>
              <a:gd name="connsiteX4" fmla="*/ 882650 w 3606800"/>
              <a:gd name="connsiteY4" fmla="*/ 412995 h 565395"/>
              <a:gd name="connsiteX5" fmla="*/ 1073150 w 3606800"/>
              <a:gd name="connsiteY5" fmla="*/ 25645 h 565395"/>
              <a:gd name="connsiteX6" fmla="*/ 1258888 w 3606800"/>
              <a:gd name="connsiteY6" fmla="*/ 524762 h 565395"/>
              <a:gd name="connsiteX7" fmla="*/ 2085975 w 3606800"/>
              <a:gd name="connsiteY7" fmla="*/ 525704 h 565395"/>
              <a:gd name="connsiteX8" fmla="*/ 2890838 w 3606800"/>
              <a:gd name="connsiteY8" fmla="*/ 546671 h 565395"/>
              <a:gd name="connsiteX9" fmla="*/ 3181350 w 3606800"/>
              <a:gd name="connsiteY9" fmla="*/ 222495 h 565395"/>
              <a:gd name="connsiteX10" fmla="*/ 3357563 w 3606800"/>
              <a:gd name="connsiteY10" fmla="*/ 512387 h 565395"/>
              <a:gd name="connsiteX11" fmla="*/ 3606800 w 3606800"/>
              <a:gd name="connsiteY11" fmla="*/ 565395 h 565395"/>
              <a:gd name="connsiteX0" fmla="*/ 0 w 3606800"/>
              <a:gd name="connsiteY0" fmla="*/ 444745 h 565395"/>
              <a:gd name="connsiteX1" fmla="*/ 273050 w 3606800"/>
              <a:gd name="connsiteY1" fmla="*/ 245 h 565395"/>
              <a:gd name="connsiteX2" fmla="*/ 412750 w 3606800"/>
              <a:gd name="connsiteY2" fmla="*/ 381245 h 565395"/>
              <a:gd name="connsiteX3" fmla="*/ 622300 w 3606800"/>
              <a:gd name="connsiteY3" fmla="*/ 343145 h 565395"/>
              <a:gd name="connsiteX4" fmla="*/ 854075 w 3606800"/>
              <a:gd name="connsiteY4" fmla="*/ 364112 h 565395"/>
              <a:gd name="connsiteX5" fmla="*/ 1073150 w 3606800"/>
              <a:gd name="connsiteY5" fmla="*/ 25645 h 565395"/>
              <a:gd name="connsiteX6" fmla="*/ 1258888 w 3606800"/>
              <a:gd name="connsiteY6" fmla="*/ 524762 h 565395"/>
              <a:gd name="connsiteX7" fmla="*/ 2085975 w 3606800"/>
              <a:gd name="connsiteY7" fmla="*/ 525704 h 565395"/>
              <a:gd name="connsiteX8" fmla="*/ 2890838 w 3606800"/>
              <a:gd name="connsiteY8" fmla="*/ 546671 h 565395"/>
              <a:gd name="connsiteX9" fmla="*/ 3181350 w 3606800"/>
              <a:gd name="connsiteY9" fmla="*/ 222495 h 565395"/>
              <a:gd name="connsiteX10" fmla="*/ 3357563 w 3606800"/>
              <a:gd name="connsiteY10" fmla="*/ 512387 h 565395"/>
              <a:gd name="connsiteX11" fmla="*/ 3606800 w 3606800"/>
              <a:gd name="connsiteY11" fmla="*/ 565395 h 565395"/>
              <a:gd name="connsiteX0" fmla="*/ 0 w 3606800"/>
              <a:gd name="connsiteY0" fmla="*/ 444501 h 565151"/>
              <a:gd name="connsiteX1" fmla="*/ 273050 w 3606800"/>
              <a:gd name="connsiteY1" fmla="*/ 1 h 565151"/>
              <a:gd name="connsiteX2" fmla="*/ 427038 w 3606800"/>
              <a:gd name="connsiteY2" fmla="*/ 443850 h 565151"/>
              <a:gd name="connsiteX3" fmla="*/ 622300 w 3606800"/>
              <a:gd name="connsiteY3" fmla="*/ 342901 h 565151"/>
              <a:gd name="connsiteX4" fmla="*/ 854075 w 3606800"/>
              <a:gd name="connsiteY4" fmla="*/ 363868 h 565151"/>
              <a:gd name="connsiteX5" fmla="*/ 1073150 w 3606800"/>
              <a:gd name="connsiteY5" fmla="*/ 25401 h 565151"/>
              <a:gd name="connsiteX6" fmla="*/ 1258888 w 3606800"/>
              <a:gd name="connsiteY6" fmla="*/ 524518 h 565151"/>
              <a:gd name="connsiteX7" fmla="*/ 2085975 w 3606800"/>
              <a:gd name="connsiteY7" fmla="*/ 525460 h 565151"/>
              <a:gd name="connsiteX8" fmla="*/ 2890838 w 3606800"/>
              <a:gd name="connsiteY8" fmla="*/ 546427 h 565151"/>
              <a:gd name="connsiteX9" fmla="*/ 3181350 w 3606800"/>
              <a:gd name="connsiteY9" fmla="*/ 222251 h 565151"/>
              <a:gd name="connsiteX10" fmla="*/ 3357563 w 3606800"/>
              <a:gd name="connsiteY10" fmla="*/ 512143 h 565151"/>
              <a:gd name="connsiteX11" fmla="*/ 3606800 w 3606800"/>
              <a:gd name="connsiteY11" fmla="*/ 565151 h 565151"/>
              <a:gd name="connsiteX0" fmla="*/ 0 w 3606800"/>
              <a:gd name="connsiteY0" fmla="*/ 441010 h 561660"/>
              <a:gd name="connsiteX1" fmla="*/ 320675 w 3606800"/>
              <a:gd name="connsiteY1" fmla="*/ 1 h 561660"/>
              <a:gd name="connsiteX2" fmla="*/ 427038 w 3606800"/>
              <a:gd name="connsiteY2" fmla="*/ 440359 h 561660"/>
              <a:gd name="connsiteX3" fmla="*/ 622300 w 3606800"/>
              <a:gd name="connsiteY3" fmla="*/ 339410 h 561660"/>
              <a:gd name="connsiteX4" fmla="*/ 854075 w 3606800"/>
              <a:gd name="connsiteY4" fmla="*/ 360377 h 561660"/>
              <a:gd name="connsiteX5" fmla="*/ 1073150 w 3606800"/>
              <a:gd name="connsiteY5" fmla="*/ 21910 h 561660"/>
              <a:gd name="connsiteX6" fmla="*/ 1258888 w 3606800"/>
              <a:gd name="connsiteY6" fmla="*/ 521027 h 561660"/>
              <a:gd name="connsiteX7" fmla="*/ 2085975 w 3606800"/>
              <a:gd name="connsiteY7" fmla="*/ 521969 h 561660"/>
              <a:gd name="connsiteX8" fmla="*/ 2890838 w 3606800"/>
              <a:gd name="connsiteY8" fmla="*/ 542936 h 561660"/>
              <a:gd name="connsiteX9" fmla="*/ 3181350 w 3606800"/>
              <a:gd name="connsiteY9" fmla="*/ 218760 h 561660"/>
              <a:gd name="connsiteX10" fmla="*/ 3357563 w 3606800"/>
              <a:gd name="connsiteY10" fmla="*/ 508652 h 561660"/>
              <a:gd name="connsiteX11" fmla="*/ 3606800 w 3606800"/>
              <a:gd name="connsiteY11" fmla="*/ 561660 h 561660"/>
              <a:gd name="connsiteX0" fmla="*/ 0 w 3606800"/>
              <a:gd name="connsiteY0" fmla="*/ 441010 h 576800"/>
              <a:gd name="connsiteX1" fmla="*/ 320675 w 3606800"/>
              <a:gd name="connsiteY1" fmla="*/ 1 h 576800"/>
              <a:gd name="connsiteX2" fmla="*/ 427038 w 3606800"/>
              <a:gd name="connsiteY2" fmla="*/ 440359 h 576800"/>
              <a:gd name="connsiteX3" fmla="*/ 622300 w 3606800"/>
              <a:gd name="connsiteY3" fmla="*/ 339410 h 576800"/>
              <a:gd name="connsiteX4" fmla="*/ 854075 w 3606800"/>
              <a:gd name="connsiteY4" fmla="*/ 360377 h 576800"/>
              <a:gd name="connsiteX5" fmla="*/ 1073150 w 3606800"/>
              <a:gd name="connsiteY5" fmla="*/ 21910 h 576800"/>
              <a:gd name="connsiteX6" fmla="*/ 1258888 w 3606800"/>
              <a:gd name="connsiteY6" fmla="*/ 521027 h 576800"/>
              <a:gd name="connsiteX7" fmla="*/ 2085975 w 3606800"/>
              <a:gd name="connsiteY7" fmla="*/ 521969 h 576800"/>
              <a:gd name="connsiteX8" fmla="*/ 2890838 w 3606800"/>
              <a:gd name="connsiteY8" fmla="*/ 542936 h 576800"/>
              <a:gd name="connsiteX9" fmla="*/ 3057525 w 3606800"/>
              <a:gd name="connsiteY9" fmla="*/ 9263 h 576800"/>
              <a:gd name="connsiteX10" fmla="*/ 3357563 w 3606800"/>
              <a:gd name="connsiteY10" fmla="*/ 508652 h 576800"/>
              <a:gd name="connsiteX11" fmla="*/ 3606800 w 3606800"/>
              <a:gd name="connsiteY11" fmla="*/ 561660 h 576800"/>
              <a:gd name="connsiteX0" fmla="*/ 0 w 3606800"/>
              <a:gd name="connsiteY0" fmla="*/ 441010 h 569463"/>
              <a:gd name="connsiteX1" fmla="*/ 320675 w 3606800"/>
              <a:gd name="connsiteY1" fmla="*/ 1 h 569463"/>
              <a:gd name="connsiteX2" fmla="*/ 427038 w 3606800"/>
              <a:gd name="connsiteY2" fmla="*/ 440359 h 569463"/>
              <a:gd name="connsiteX3" fmla="*/ 622300 w 3606800"/>
              <a:gd name="connsiteY3" fmla="*/ 339410 h 569463"/>
              <a:gd name="connsiteX4" fmla="*/ 854075 w 3606800"/>
              <a:gd name="connsiteY4" fmla="*/ 360377 h 569463"/>
              <a:gd name="connsiteX5" fmla="*/ 1073150 w 3606800"/>
              <a:gd name="connsiteY5" fmla="*/ 21910 h 569463"/>
              <a:gd name="connsiteX6" fmla="*/ 1258888 w 3606800"/>
              <a:gd name="connsiteY6" fmla="*/ 521027 h 569463"/>
              <a:gd name="connsiteX7" fmla="*/ 2085975 w 3606800"/>
              <a:gd name="connsiteY7" fmla="*/ 521969 h 569463"/>
              <a:gd name="connsiteX8" fmla="*/ 2738438 w 3606800"/>
              <a:gd name="connsiteY8" fmla="*/ 497545 h 569463"/>
              <a:gd name="connsiteX9" fmla="*/ 3057525 w 3606800"/>
              <a:gd name="connsiteY9" fmla="*/ 9263 h 569463"/>
              <a:gd name="connsiteX10" fmla="*/ 3357563 w 3606800"/>
              <a:gd name="connsiteY10" fmla="*/ 508652 h 569463"/>
              <a:gd name="connsiteX11" fmla="*/ 3606800 w 3606800"/>
              <a:gd name="connsiteY11" fmla="*/ 561660 h 569463"/>
              <a:gd name="connsiteX0" fmla="*/ 0 w 3606800"/>
              <a:gd name="connsiteY0" fmla="*/ 441593 h 570046"/>
              <a:gd name="connsiteX1" fmla="*/ 320675 w 3606800"/>
              <a:gd name="connsiteY1" fmla="*/ 584 h 570046"/>
              <a:gd name="connsiteX2" fmla="*/ 427038 w 3606800"/>
              <a:gd name="connsiteY2" fmla="*/ 440942 h 570046"/>
              <a:gd name="connsiteX3" fmla="*/ 622300 w 3606800"/>
              <a:gd name="connsiteY3" fmla="*/ 339993 h 570046"/>
              <a:gd name="connsiteX4" fmla="*/ 854075 w 3606800"/>
              <a:gd name="connsiteY4" fmla="*/ 360960 h 570046"/>
              <a:gd name="connsiteX5" fmla="*/ 1158875 w 3606800"/>
              <a:gd name="connsiteY5" fmla="*/ 1543 h 570046"/>
              <a:gd name="connsiteX6" fmla="*/ 1258888 w 3606800"/>
              <a:gd name="connsiteY6" fmla="*/ 521610 h 570046"/>
              <a:gd name="connsiteX7" fmla="*/ 2085975 w 3606800"/>
              <a:gd name="connsiteY7" fmla="*/ 522552 h 570046"/>
              <a:gd name="connsiteX8" fmla="*/ 2738438 w 3606800"/>
              <a:gd name="connsiteY8" fmla="*/ 498128 h 570046"/>
              <a:gd name="connsiteX9" fmla="*/ 3057525 w 3606800"/>
              <a:gd name="connsiteY9" fmla="*/ 9846 h 570046"/>
              <a:gd name="connsiteX10" fmla="*/ 3357563 w 3606800"/>
              <a:gd name="connsiteY10" fmla="*/ 509235 h 570046"/>
              <a:gd name="connsiteX11" fmla="*/ 3606800 w 3606800"/>
              <a:gd name="connsiteY11" fmla="*/ 562243 h 570046"/>
              <a:gd name="connsiteX0" fmla="*/ 0 w 3606800"/>
              <a:gd name="connsiteY0" fmla="*/ 441128 h 569581"/>
              <a:gd name="connsiteX1" fmla="*/ 320675 w 3606800"/>
              <a:gd name="connsiteY1" fmla="*/ 119 h 569581"/>
              <a:gd name="connsiteX2" fmla="*/ 427038 w 3606800"/>
              <a:gd name="connsiteY2" fmla="*/ 440477 h 569581"/>
              <a:gd name="connsiteX3" fmla="*/ 622300 w 3606800"/>
              <a:gd name="connsiteY3" fmla="*/ 339528 h 569581"/>
              <a:gd name="connsiteX4" fmla="*/ 854075 w 3606800"/>
              <a:gd name="connsiteY4" fmla="*/ 360495 h 569581"/>
              <a:gd name="connsiteX5" fmla="*/ 1158875 w 3606800"/>
              <a:gd name="connsiteY5" fmla="*/ 1078 h 569581"/>
              <a:gd name="connsiteX6" fmla="*/ 1468438 w 3606800"/>
              <a:gd name="connsiteY6" fmla="*/ 493212 h 569581"/>
              <a:gd name="connsiteX7" fmla="*/ 2085975 w 3606800"/>
              <a:gd name="connsiteY7" fmla="*/ 522087 h 569581"/>
              <a:gd name="connsiteX8" fmla="*/ 2738438 w 3606800"/>
              <a:gd name="connsiteY8" fmla="*/ 497663 h 569581"/>
              <a:gd name="connsiteX9" fmla="*/ 3057525 w 3606800"/>
              <a:gd name="connsiteY9" fmla="*/ 9381 h 569581"/>
              <a:gd name="connsiteX10" fmla="*/ 3357563 w 3606800"/>
              <a:gd name="connsiteY10" fmla="*/ 508770 h 569581"/>
              <a:gd name="connsiteX11" fmla="*/ 3606800 w 3606800"/>
              <a:gd name="connsiteY11" fmla="*/ 561778 h 569581"/>
              <a:gd name="connsiteX0" fmla="*/ 0 w 3606800"/>
              <a:gd name="connsiteY0" fmla="*/ 441010 h 569463"/>
              <a:gd name="connsiteX1" fmla="*/ 320675 w 3606800"/>
              <a:gd name="connsiteY1" fmla="*/ 1 h 569463"/>
              <a:gd name="connsiteX2" fmla="*/ 427038 w 3606800"/>
              <a:gd name="connsiteY2" fmla="*/ 440359 h 569463"/>
              <a:gd name="connsiteX3" fmla="*/ 622300 w 3606800"/>
              <a:gd name="connsiteY3" fmla="*/ 339410 h 569463"/>
              <a:gd name="connsiteX4" fmla="*/ 854075 w 3606800"/>
              <a:gd name="connsiteY4" fmla="*/ 360377 h 569463"/>
              <a:gd name="connsiteX5" fmla="*/ 1135062 w 3606800"/>
              <a:gd name="connsiteY5" fmla="*/ 4452 h 569463"/>
              <a:gd name="connsiteX6" fmla="*/ 1468438 w 3606800"/>
              <a:gd name="connsiteY6" fmla="*/ 493094 h 569463"/>
              <a:gd name="connsiteX7" fmla="*/ 2085975 w 3606800"/>
              <a:gd name="connsiteY7" fmla="*/ 521969 h 569463"/>
              <a:gd name="connsiteX8" fmla="*/ 2738438 w 3606800"/>
              <a:gd name="connsiteY8" fmla="*/ 497545 h 569463"/>
              <a:gd name="connsiteX9" fmla="*/ 3057525 w 3606800"/>
              <a:gd name="connsiteY9" fmla="*/ 9263 h 569463"/>
              <a:gd name="connsiteX10" fmla="*/ 3357563 w 3606800"/>
              <a:gd name="connsiteY10" fmla="*/ 508652 h 569463"/>
              <a:gd name="connsiteX11" fmla="*/ 3606800 w 3606800"/>
              <a:gd name="connsiteY11" fmla="*/ 561660 h 569463"/>
              <a:gd name="connsiteX0" fmla="*/ 0 w 3606800"/>
              <a:gd name="connsiteY0" fmla="*/ 437645 h 566098"/>
              <a:gd name="connsiteX1" fmla="*/ 292100 w 3606800"/>
              <a:gd name="connsiteY1" fmla="*/ 21077 h 566098"/>
              <a:gd name="connsiteX2" fmla="*/ 427038 w 3606800"/>
              <a:gd name="connsiteY2" fmla="*/ 436994 h 566098"/>
              <a:gd name="connsiteX3" fmla="*/ 622300 w 3606800"/>
              <a:gd name="connsiteY3" fmla="*/ 336045 h 566098"/>
              <a:gd name="connsiteX4" fmla="*/ 854075 w 3606800"/>
              <a:gd name="connsiteY4" fmla="*/ 357012 h 566098"/>
              <a:gd name="connsiteX5" fmla="*/ 1135062 w 3606800"/>
              <a:gd name="connsiteY5" fmla="*/ 1087 h 566098"/>
              <a:gd name="connsiteX6" fmla="*/ 1468438 w 3606800"/>
              <a:gd name="connsiteY6" fmla="*/ 489729 h 566098"/>
              <a:gd name="connsiteX7" fmla="*/ 2085975 w 3606800"/>
              <a:gd name="connsiteY7" fmla="*/ 518604 h 566098"/>
              <a:gd name="connsiteX8" fmla="*/ 2738438 w 3606800"/>
              <a:gd name="connsiteY8" fmla="*/ 494180 h 566098"/>
              <a:gd name="connsiteX9" fmla="*/ 3057525 w 3606800"/>
              <a:gd name="connsiteY9" fmla="*/ 5898 h 566098"/>
              <a:gd name="connsiteX10" fmla="*/ 3357563 w 3606800"/>
              <a:gd name="connsiteY10" fmla="*/ 505287 h 566098"/>
              <a:gd name="connsiteX11" fmla="*/ 3606800 w 3606800"/>
              <a:gd name="connsiteY11" fmla="*/ 558295 h 566098"/>
              <a:gd name="connsiteX0" fmla="*/ 0 w 3606800"/>
              <a:gd name="connsiteY0" fmla="*/ 437645 h 566098"/>
              <a:gd name="connsiteX1" fmla="*/ 292100 w 3606800"/>
              <a:gd name="connsiteY1" fmla="*/ 21077 h 566098"/>
              <a:gd name="connsiteX2" fmla="*/ 460375 w 3606800"/>
              <a:gd name="connsiteY2" fmla="*/ 436994 h 566098"/>
              <a:gd name="connsiteX3" fmla="*/ 622300 w 3606800"/>
              <a:gd name="connsiteY3" fmla="*/ 336045 h 566098"/>
              <a:gd name="connsiteX4" fmla="*/ 854075 w 3606800"/>
              <a:gd name="connsiteY4" fmla="*/ 357012 h 566098"/>
              <a:gd name="connsiteX5" fmla="*/ 1135062 w 3606800"/>
              <a:gd name="connsiteY5" fmla="*/ 1087 h 566098"/>
              <a:gd name="connsiteX6" fmla="*/ 1468438 w 3606800"/>
              <a:gd name="connsiteY6" fmla="*/ 489729 h 566098"/>
              <a:gd name="connsiteX7" fmla="*/ 2085975 w 3606800"/>
              <a:gd name="connsiteY7" fmla="*/ 518604 h 566098"/>
              <a:gd name="connsiteX8" fmla="*/ 2738438 w 3606800"/>
              <a:gd name="connsiteY8" fmla="*/ 494180 h 566098"/>
              <a:gd name="connsiteX9" fmla="*/ 3057525 w 3606800"/>
              <a:gd name="connsiteY9" fmla="*/ 5898 h 566098"/>
              <a:gd name="connsiteX10" fmla="*/ 3357563 w 3606800"/>
              <a:gd name="connsiteY10" fmla="*/ 505287 h 566098"/>
              <a:gd name="connsiteX11" fmla="*/ 3606800 w 3606800"/>
              <a:gd name="connsiteY11" fmla="*/ 558295 h 566098"/>
              <a:gd name="connsiteX0" fmla="*/ 0 w 3606800"/>
              <a:gd name="connsiteY0" fmla="*/ 437645 h 566098"/>
              <a:gd name="connsiteX1" fmla="*/ 311150 w 3606800"/>
              <a:gd name="connsiteY1" fmla="*/ 31552 h 566098"/>
              <a:gd name="connsiteX2" fmla="*/ 460375 w 3606800"/>
              <a:gd name="connsiteY2" fmla="*/ 436994 h 566098"/>
              <a:gd name="connsiteX3" fmla="*/ 622300 w 3606800"/>
              <a:gd name="connsiteY3" fmla="*/ 336045 h 566098"/>
              <a:gd name="connsiteX4" fmla="*/ 854075 w 3606800"/>
              <a:gd name="connsiteY4" fmla="*/ 357012 h 566098"/>
              <a:gd name="connsiteX5" fmla="*/ 1135062 w 3606800"/>
              <a:gd name="connsiteY5" fmla="*/ 1087 h 566098"/>
              <a:gd name="connsiteX6" fmla="*/ 1468438 w 3606800"/>
              <a:gd name="connsiteY6" fmla="*/ 489729 h 566098"/>
              <a:gd name="connsiteX7" fmla="*/ 2085975 w 3606800"/>
              <a:gd name="connsiteY7" fmla="*/ 518604 h 566098"/>
              <a:gd name="connsiteX8" fmla="*/ 2738438 w 3606800"/>
              <a:gd name="connsiteY8" fmla="*/ 494180 h 566098"/>
              <a:gd name="connsiteX9" fmla="*/ 3057525 w 3606800"/>
              <a:gd name="connsiteY9" fmla="*/ 5898 h 566098"/>
              <a:gd name="connsiteX10" fmla="*/ 3357563 w 3606800"/>
              <a:gd name="connsiteY10" fmla="*/ 505287 h 566098"/>
              <a:gd name="connsiteX11" fmla="*/ 3606800 w 3606800"/>
              <a:gd name="connsiteY11" fmla="*/ 558295 h 566098"/>
              <a:gd name="connsiteX0" fmla="*/ 0 w 3606800"/>
              <a:gd name="connsiteY0" fmla="*/ 437645 h 566098"/>
              <a:gd name="connsiteX1" fmla="*/ 311150 w 3606800"/>
              <a:gd name="connsiteY1" fmla="*/ 7111 h 566098"/>
              <a:gd name="connsiteX2" fmla="*/ 460375 w 3606800"/>
              <a:gd name="connsiteY2" fmla="*/ 436994 h 566098"/>
              <a:gd name="connsiteX3" fmla="*/ 622300 w 3606800"/>
              <a:gd name="connsiteY3" fmla="*/ 336045 h 566098"/>
              <a:gd name="connsiteX4" fmla="*/ 854075 w 3606800"/>
              <a:gd name="connsiteY4" fmla="*/ 357012 h 566098"/>
              <a:gd name="connsiteX5" fmla="*/ 1135062 w 3606800"/>
              <a:gd name="connsiteY5" fmla="*/ 1087 h 566098"/>
              <a:gd name="connsiteX6" fmla="*/ 1468438 w 3606800"/>
              <a:gd name="connsiteY6" fmla="*/ 489729 h 566098"/>
              <a:gd name="connsiteX7" fmla="*/ 2085975 w 3606800"/>
              <a:gd name="connsiteY7" fmla="*/ 518604 h 566098"/>
              <a:gd name="connsiteX8" fmla="*/ 2738438 w 3606800"/>
              <a:gd name="connsiteY8" fmla="*/ 494180 h 566098"/>
              <a:gd name="connsiteX9" fmla="*/ 3057525 w 3606800"/>
              <a:gd name="connsiteY9" fmla="*/ 5898 h 566098"/>
              <a:gd name="connsiteX10" fmla="*/ 3357563 w 3606800"/>
              <a:gd name="connsiteY10" fmla="*/ 505287 h 566098"/>
              <a:gd name="connsiteX11" fmla="*/ 3606800 w 3606800"/>
              <a:gd name="connsiteY11" fmla="*/ 558295 h 566098"/>
              <a:gd name="connsiteX0" fmla="*/ 0 w 3606800"/>
              <a:gd name="connsiteY0" fmla="*/ 437645 h 566098"/>
              <a:gd name="connsiteX1" fmla="*/ 301625 w 3606800"/>
              <a:gd name="connsiteY1" fmla="*/ 14094 h 566098"/>
              <a:gd name="connsiteX2" fmla="*/ 460375 w 3606800"/>
              <a:gd name="connsiteY2" fmla="*/ 436994 h 566098"/>
              <a:gd name="connsiteX3" fmla="*/ 622300 w 3606800"/>
              <a:gd name="connsiteY3" fmla="*/ 336045 h 566098"/>
              <a:gd name="connsiteX4" fmla="*/ 854075 w 3606800"/>
              <a:gd name="connsiteY4" fmla="*/ 357012 h 566098"/>
              <a:gd name="connsiteX5" fmla="*/ 1135062 w 3606800"/>
              <a:gd name="connsiteY5" fmla="*/ 1087 h 566098"/>
              <a:gd name="connsiteX6" fmla="*/ 1468438 w 3606800"/>
              <a:gd name="connsiteY6" fmla="*/ 489729 h 566098"/>
              <a:gd name="connsiteX7" fmla="*/ 2085975 w 3606800"/>
              <a:gd name="connsiteY7" fmla="*/ 518604 h 566098"/>
              <a:gd name="connsiteX8" fmla="*/ 2738438 w 3606800"/>
              <a:gd name="connsiteY8" fmla="*/ 494180 h 566098"/>
              <a:gd name="connsiteX9" fmla="*/ 3057525 w 3606800"/>
              <a:gd name="connsiteY9" fmla="*/ 5898 h 566098"/>
              <a:gd name="connsiteX10" fmla="*/ 3357563 w 3606800"/>
              <a:gd name="connsiteY10" fmla="*/ 505287 h 566098"/>
              <a:gd name="connsiteX11" fmla="*/ 3606800 w 3606800"/>
              <a:gd name="connsiteY11" fmla="*/ 558295 h 566098"/>
              <a:gd name="connsiteX0" fmla="*/ 0 w 3606800"/>
              <a:gd name="connsiteY0" fmla="*/ 437645 h 566098"/>
              <a:gd name="connsiteX1" fmla="*/ 301625 w 3606800"/>
              <a:gd name="connsiteY1" fmla="*/ 14094 h 566098"/>
              <a:gd name="connsiteX2" fmla="*/ 460375 w 3606800"/>
              <a:gd name="connsiteY2" fmla="*/ 436994 h 566098"/>
              <a:gd name="connsiteX3" fmla="*/ 622300 w 3606800"/>
              <a:gd name="connsiteY3" fmla="*/ 336045 h 566098"/>
              <a:gd name="connsiteX4" fmla="*/ 854075 w 3606800"/>
              <a:gd name="connsiteY4" fmla="*/ 357012 h 566098"/>
              <a:gd name="connsiteX5" fmla="*/ 1135062 w 3606800"/>
              <a:gd name="connsiteY5" fmla="*/ 1087 h 566098"/>
              <a:gd name="connsiteX6" fmla="*/ 1468438 w 3606800"/>
              <a:gd name="connsiteY6" fmla="*/ 489729 h 566098"/>
              <a:gd name="connsiteX7" fmla="*/ 2085975 w 3606800"/>
              <a:gd name="connsiteY7" fmla="*/ 518604 h 566098"/>
              <a:gd name="connsiteX8" fmla="*/ 2738438 w 3606800"/>
              <a:gd name="connsiteY8" fmla="*/ 494180 h 566098"/>
              <a:gd name="connsiteX9" fmla="*/ 3057525 w 3606800"/>
              <a:gd name="connsiteY9" fmla="*/ 5898 h 566098"/>
              <a:gd name="connsiteX10" fmla="*/ 3357563 w 3606800"/>
              <a:gd name="connsiteY10" fmla="*/ 505287 h 566098"/>
              <a:gd name="connsiteX11" fmla="*/ 3606800 w 3606800"/>
              <a:gd name="connsiteY11" fmla="*/ 558295 h 566098"/>
              <a:gd name="connsiteX0" fmla="*/ 0 w 3606800"/>
              <a:gd name="connsiteY0" fmla="*/ 437645 h 566098"/>
              <a:gd name="connsiteX1" fmla="*/ 301625 w 3606800"/>
              <a:gd name="connsiteY1" fmla="*/ 14094 h 566098"/>
              <a:gd name="connsiteX2" fmla="*/ 474663 w 3606800"/>
              <a:gd name="connsiteY2" fmla="*/ 440486 h 566098"/>
              <a:gd name="connsiteX3" fmla="*/ 622300 w 3606800"/>
              <a:gd name="connsiteY3" fmla="*/ 336045 h 566098"/>
              <a:gd name="connsiteX4" fmla="*/ 854075 w 3606800"/>
              <a:gd name="connsiteY4" fmla="*/ 357012 h 566098"/>
              <a:gd name="connsiteX5" fmla="*/ 1135062 w 3606800"/>
              <a:gd name="connsiteY5" fmla="*/ 1087 h 566098"/>
              <a:gd name="connsiteX6" fmla="*/ 1468438 w 3606800"/>
              <a:gd name="connsiteY6" fmla="*/ 489729 h 566098"/>
              <a:gd name="connsiteX7" fmla="*/ 2085975 w 3606800"/>
              <a:gd name="connsiteY7" fmla="*/ 518604 h 566098"/>
              <a:gd name="connsiteX8" fmla="*/ 2738438 w 3606800"/>
              <a:gd name="connsiteY8" fmla="*/ 494180 h 566098"/>
              <a:gd name="connsiteX9" fmla="*/ 3057525 w 3606800"/>
              <a:gd name="connsiteY9" fmla="*/ 5898 h 566098"/>
              <a:gd name="connsiteX10" fmla="*/ 3357563 w 3606800"/>
              <a:gd name="connsiteY10" fmla="*/ 505287 h 566098"/>
              <a:gd name="connsiteX11" fmla="*/ 3606800 w 3606800"/>
              <a:gd name="connsiteY11" fmla="*/ 558295 h 566098"/>
              <a:gd name="connsiteX0" fmla="*/ 0 w 3606800"/>
              <a:gd name="connsiteY0" fmla="*/ 437645 h 566098"/>
              <a:gd name="connsiteX1" fmla="*/ 301625 w 3606800"/>
              <a:gd name="connsiteY1" fmla="*/ 14094 h 566098"/>
              <a:gd name="connsiteX2" fmla="*/ 474663 w 3606800"/>
              <a:gd name="connsiteY2" fmla="*/ 440486 h 566098"/>
              <a:gd name="connsiteX3" fmla="*/ 622300 w 3606800"/>
              <a:gd name="connsiteY3" fmla="*/ 336045 h 566098"/>
              <a:gd name="connsiteX4" fmla="*/ 854075 w 3606800"/>
              <a:gd name="connsiteY4" fmla="*/ 357012 h 566098"/>
              <a:gd name="connsiteX5" fmla="*/ 1154112 w 3606800"/>
              <a:gd name="connsiteY5" fmla="*/ 1087 h 566098"/>
              <a:gd name="connsiteX6" fmla="*/ 1468438 w 3606800"/>
              <a:gd name="connsiteY6" fmla="*/ 489729 h 566098"/>
              <a:gd name="connsiteX7" fmla="*/ 2085975 w 3606800"/>
              <a:gd name="connsiteY7" fmla="*/ 518604 h 566098"/>
              <a:gd name="connsiteX8" fmla="*/ 2738438 w 3606800"/>
              <a:gd name="connsiteY8" fmla="*/ 494180 h 566098"/>
              <a:gd name="connsiteX9" fmla="*/ 3057525 w 3606800"/>
              <a:gd name="connsiteY9" fmla="*/ 5898 h 566098"/>
              <a:gd name="connsiteX10" fmla="*/ 3357563 w 3606800"/>
              <a:gd name="connsiteY10" fmla="*/ 505287 h 566098"/>
              <a:gd name="connsiteX11" fmla="*/ 3606800 w 3606800"/>
              <a:gd name="connsiteY11" fmla="*/ 558295 h 566098"/>
              <a:gd name="connsiteX0" fmla="*/ 0 w 3606800"/>
              <a:gd name="connsiteY0" fmla="*/ 436562 h 565015"/>
              <a:gd name="connsiteX1" fmla="*/ 301625 w 3606800"/>
              <a:gd name="connsiteY1" fmla="*/ 13011 h 565015"/>
              <a:gd name="connsiteX2" fmla="*/ 474663 w 3606800"/>
              <a:gd name="connsiteY2" fmla="*/ 439403 h 565015"/>
              <a:gd name="connsiteX3" fmla="*/ 622300 w 3606800"/>
              <a:gd name="connsiteY3" fmla="*/ 334962 h 565015"/>
              <a:gd name="connsiteX4" fmla="*/ 854075 w 3606800"/>
              <a:gd name="connsiteY4" fmla="*/ 355929 h 565015"/>
              <a:gd name="connsiteX5" fmla="*/ 1154112 w 3606800"/>
              <a:gd name="connsiteY5" fmla="*/ 4 h 565015"/>
              <a:gd name="connsiteX6" fmla="*/ 1468438 w 3606800"/>
              <a:gd name="connsiteY6" fmla="*/ 488646 h 565015"/>
              <a:gd name="connsiteX7" fmla="*/ 2085975 w 3606800"/>
              <a:gd name="connsiteY7" fmla="*/ 517521 h 565015"/>
              <a:gd name="connsiteX8" fmla="*/ 2738438 w 3606800"/>
              <a:gd name="connsiteY8" fmla="*/ 493097 h 565015"/>
              <a:gd name="connsiteX9" fmla="*/ 3057525 w 3606800"/>
              <a:gd name="connsiteY9" fmla="*/ 4815 h 565015"/>
              <a:gd name="connsiteX10" fmla="*/ 3357563 w 3606800"/>
              <a:gd name="connsiteY10" fmla="*/ 504204 h 565015"/>
              <a:gd name="connsiteX11" fmla="*/ 3606800 w 3606800"/>
              <a:gd name="connsiteY11" fmla="*/ 557212 h 565015"/>
              <a:gd name="connsiteX0" fmla="*/ 0 w 3606800"/>
              <a:gd name="connsiteY0" fmla="*/ 436562 h 560473"/>
              <a:gd name="connsiteX1" fmla="*/ 301625 w 3606800"/>
              <a:gd name="connsiteY1" fmla="*/ 13011 h 560473"/>
              <a:gd name="connsiteX2" fmla="*/ 474663 w 3606800"/>
              <a:gd name="connsiteY2" fmla="*/ 439403 h 560473"/>
              <a:gd name="connsiteX3" fmla="*/ 622300 w 3606800"/>
              <a:gd name="connsiteY3" fmla="*/ 334962 h 560473"/>
              <a:gd name="connsiteX4" fmla="*/ 854075 w 3606800"/>
              <a:gd name="connsiteY4" fmla="*/ 355929 h 560473"/>
              <a:gd name="connsiteX5" fmla="*/ 1154112 w 3606800"/>
              <a:gd name="connsiteY5" fmla="*/ 4 h 560473"/>
              <a:gd name="connsiteX6" fmla="*/ 1468438 w 3606800"/>
              <a:gd name="connsiteY6" fmla="*/ 488646 h 560473"/>
              <a:gd name="connsiteX7" fmla="*/ 2085975 w 3606800"/>
              <a:gd name="connsiteY7" fmla="*/ 517521 h 560473"/>
              <a:gd name="connsiteX8" fmla="*/ 2738438 w 3606800"/>
              <a:gd name="connsiteY8" fmla="*/ 493097 h 560473"/>
              <a:gd name="connsiteX9" fmla="*/ 3057525 w 3606800"/>
              <a:gd name="connsiteY9" fmla="*/ 4815 h 560473"/>
              <a:gd name="connsiteX10" fmla="*/ 3357563 w 3606800"/>
              <a:gd name="connsiteY10" fmla="*/ 504204 h 560473"/>
              <a:gd name="connsiteX11" fmla="*/ 3606800 w 3606800"/>
              <a:gd name="connsiteY11" fmla="*/ 557212 h 560473"/>
              <a:gd name="connsiteX0" fmla="*/ 0 w 3606800"/>
              <a:gd name="connsiteY0" fmla="*/ 436562 h 557212"/>
              <a:gd name="connsiteX1" fmla="*/ 301625 w 3606800"/>
              <a:gd name="connsiteY1" fmla="*/ 13011 h 557212"/>
              <a:gd name="connsiteX2" fmla="*/ 474663 w 3606800"/>
              <a:gd name="connsiteY2" fmla="*/ 439403 h 557212"/>
              <a:gd name="connsiteX3" fmla="*/ 622300 w 3606800"/>
              <a:gd name="connsiteY3" fmla="*/ 334962 h 557212"/>
              <a:gd name="connsiteX4" fmla="*/ 854075 w 3606800"/>
              <a:gd name="connsiteY4" fmla="*/ 355929 h 557212"/>
              <a:gd name="connsiteX5" fmla="*/ 1154112 w 3606800"/>
              <a:gd name="connsiteY5" fmla="*/ 4 h 557212"/>
              <a:gd name="connsiteX6" fmla="*/ 1468438 w 3606800"/>
              <a:gd name="connsiteY6" fmla="*/ 488646 h 557212"/>
              <a:gd name="connsiteX7" fmla="*/ 2085975 w 3606800"/>
              <a:gd name="connsiteY7" fmla="*/ 517521 h 557212"/>
              <a:gd name="connsiteX8" fmla="*/ 2738438 w 3606800"/>
              <a:gd name="connsiteY8" fmla="*/ 493097 h 557212"/>
              <a:gd name="connsiteX9" fmla="*/ 3057525 w 3606800"/>
              <a:gd name="connsiteY9" fmla="*/ 4815 h 557212"/>
              <a:gd name="connsiteX10" fmla="*/ 3287713 w 3606800"/>
              <a:gd name="connsiteY10" fmla="*/ 345917 h 557212"/>
              <a:gd name="connsiteX11" fmla="*/ 3606800 w 3606800"/>
              <a:gd name="connsiteY11" fmla="*/ 557212 h 557212"/>
              <a:gd name="connsiteX0" fmla="*/ 0 w 3606800"/>
              <a:gd name="connsiteY0" fmla="*/ 436562 h 557212"/>
              <a:gd name="connsiteX1" fmla="*/ 301625 w 3606800"/>
              <a:gd name="connsiteY1" fmla="*/ 13011 h 557212"/>
              <a:gd name="connsiteX2" fmla="*/ 474663 w 3606800"/>
              <a:gd name="connsiteY2" fmla="*/ 439403 h 557212"/>
              <a:gd name="connsiteX3" fmla="*/ 622300 w 3606800"/>
              <a:gd name="connsiteY3" fmla="*/ 334962 h 557212"/>
              <a:gd name="connsiteX4" fmla="*/ 854075 w 3606800"/>
              <a:gd name="connsiteY4" fmla="*/ 355929 h 557212"/>
              <a:gd name="connsiteX5" fmla="*/ 1154112 w 3606800"/>
              <a:gd name="connsiteY5" fmla="*/ 4 h 557212"/>
              <a:gd name="connsiteX6" fmla="*/ 1468438 w 3606800"/>
              <a:gd name="connsiteY6" fmla="*/ 488646 h 557212"/>
              <a:gd name="connsiteX7" fmla="*/ 2085975 w 3606800"/>
              <a:gd name="connsiteY7" fmla="*/ 517521 h 557212"/>
              <a:gd name="connsiteX8" fmla="*/ 2738438 w 3606800"/>
              <a:gd name="connsiteY8" fmla="*/ 493097 h 557212"/>
              <a:gd name="connsiteX9" fmla="*/ 3057525 w 3606800"/>
              <a:gd name="connsiteY9" fmla="*/ 4815 h 557212"/>
              <a:gd name="connsiteX10" fmla="*/ 3287713 w 3606800"/>
              <a:gd name="connsiteY10" fmla="*/ 345917 h 557212"/>
              <a:gd name="connsiteX11" fmla="*/ 3606800 w 3606800"/>
              <a:gd name="connsiteY11" fmla="*/ 557212 h 557212"/>
              <a:gd name="connsiteX0" fmla="*/ 0 w 3606800"/>
              <a:gd name="connsiteY0" fmla="*/ 436562 h 557212"/>
              <a:gd name="connsiteX1" fmla="*/ 301625 w 3606800"/>
              <a:gd name="connsiteY1" fmla="*/ 13011 h 557212"/>
              <a:gd name="connsiteX2" fmla="*/ 474663 w 3606800"/>
              <a:gd name="connsiteY2" fmla="*/ 439403 h 557212"/>
              <a:gd name="connsiteX3" fmla="*/ 622300 w 3606800"/>
              <a:gd name="connsiteY3" fmla="*/ 334962 h 557212"/>
              <a:gd name="connsiteX4" fmla="*/ 854075 w 3606800"/>
              <a:gd name="connsiteY4" fmla="*/ 355929 h 557212"/>
              <a:gd name="connsiteX5" fmla="*/ 1154112 w 3606800"/>
              <a:gd name="connsiteY5" fmla="*/ 4 h 557212"/>
              <a:gd name="connsiteX6" fmla="*/ 1468438 w 3606800"/>
              <a:gd name="connsiteY6" fmla="*/ 488646 h 557212"/>
              <a:gd name="connsiteX7" fmla="*/ 2085975 w 3606800"/>
              <a:gd name="connsiteY7" fmla="*/ 517521 h 557212"/>
              <a:gd name="connsiteX8" fmla="*/ 2738438 w 3606800"/>
              <a:gd name="connsiteY8" fmla="*/ 493097 h 557212"/>
              <a:gd name="connsiteX9" fmla="*/ 3057525 w 3606800"/>
              <a:gd name="connsiteY9" fmla="*/ 4815 h 557212"/>
              <a:gd name="connsiteX10" fmla="*/ 3252788 w 3606800"/>
              <a:gd name="connsiteY10" fmla="*/ 376177 h 557212"/>
              <a:gd name="connsiteX11" fmla="*/ 3606800 w 3606800"/>
              <a:gd name="connsiteY11" fmla="*/ 557212 h 557212"/>
              <a:gd name="connsiteX0" fmla="*/ 27366 w 3634166"/>
              <a:gd name="connsiteY0" fmla="*/ 436562 h 557212"/>
              <a:gd name="connsiteX1" fmla="*/ 21016 w 3634166"/>
              <a:gd name="connsiteY1" fmla="*/ 439517 h 557212"/>
              <a:gd name="connsiteX2" fmla="*/ 328991 w 3634166"/>
              <a:gd name="connsiteY2" fmla="*/ 13011 h 557212"/>
              <a:gd name="connsiteX3" fmla="*/ 502029 w 3634166"/>
              <a:gd name="connsiteY3" fmla="*/ 439403 h 557212"/>
              <a:gd name="connsiteX4" fmla="*/ 649666 w 3634166"/>
              <a:gd name="connsiteY4" fmla="*/ 334962 h 557212"/>
              <a:gd name="connsiteX5" fmla="*/ 881441 w 3634166"/>
              <a:gd name="connsiteY5" fmla="*/ 355929 h 557212"/>
              <a:gd name="connsiteX6" fmla="*/ 1181478 w 3634166"/>
              <a:gd name="connsiteY6" fmla="*/ 4 h 557212"/>
              <a:gd name="connsiteX7" fmla="*/ 1495804 w 3634166"/>
              <a:gd name="connsiteY7" fmla="*/ 488646 h 557212"/>
              <a:gd name="connsiteX8" fmla="*/ 2113341 w 3634166"/>
              <a:gd name="connsiteY8" fmla="*/ 517521 h 557212"/>
              <a:gd name="connsiteX9" fmla="*/ 2765804 w 3634166"/>
              <a:gd name="connsiteY9" fmla="*/ 493097 h 557212"/>
              <a:gd name="connsiteX10" fmla="*/ 3084891 w 3634166"/>
              <a:gd name="connsiteY10" fmla="*/ 4815 h 557212"/>
              <a:gd name="connsiteX11" fmla="*/ 3280154 w 3634166"/>
              <a:gd name="connsiteY11" fmla="*/ 376177 h 557212"/>
              <a:gd name="connsiteX12" fmla="*/ 3634166 w 3634166"/>
              <a:gd name="connsiteY12" fmla="*/ 557212 h 557212"/>
              <a:gd name="connsiteX0" fmla="*/ 1766 w 3608566"/>
              <a:gd name="connsiteY0" fmla="*/ 436562 h 557212"/>
              <a:gd name="connsiteX1" fmla="*/ 39866 w 3608566"/>
              <a:gd name="connsiteY1" fmla="*/ 376668 h 557212"/>
              <a:gd name="connsiteX2" fmla="*/ 303391 w 3608566"/>
              <a:gd name="connsiteY2" fmla="*/ 13011 h 557212"/>
              <a:gd name="connsiteX3" fmla="*/ 476429 w 3608566"/>
              <a:gd name="connsiteY3" fmla="*/ 439403 h 557212"/>
              <a:gd name="connsiteX4" fmla="*/ 624066 w 3608566"/>
              <a:gd name="connsiteY4" fmla="*/ 334962 h 557212"/>
              <a:gd name="connsiteX5" fmla="*/ 855841 w 3608566"/>
              <a:gd name="connsiteY5" fmla="*/ 355929 h 557212"/>
              <a:gd name="connsiteX6" fmla="*/ 1155878 w 3608566"/>
              <a:gd name="connsiteY6" fmla="*/ 4 h 557212"/>
              <a:gd name="connsiteX7" fmla="*/ 1470204 w 3608566"/>
              <a:gd name="connsiteY7" fmla="*/ 488646 h 557212"/>
              <a:gd name="connsiteX8" fmla="*/ 2087741 w 3608566"/>
              <a:gd name="connsiteY8" fmla="*/ 517521 h 557212"/>
              <a:gd name="connsiteX9" fmla="*/ 2740204 w 3608566"/>
              <a:gd name="connsiteY9" fmla="*/ 493097 h 557212"/>
              <a:gd name="connsiteX10" fmla="*/ 3059291 w 3608566"/>
              <a:gd name="connsiteY10" fmla="*/ 4815 h 557212"/>
              <a:gd name="connsiteX11" fmla="*/ 3254554 w 3608566"/>
              <a:gd name="connsiteY11" fmla="*/ 376177 h 557212"/>
              <a:gd name="connsiteX12" fmla="*/ 3608566 w 3608566"/>
              <a:gd name="connsiteY12" fmla="*/ 557212 h 557212"/>
              <a:gd name="connsiteX0" fmla="*/ 2670 w 3606295"/>
              <a:gd name="connsiteY0" fmla="*/ 569244 h 569245"/>
              <a:gd name="connsiteX1" fmla="*/ 37595 w 3606295"/>
              <a:gd name="connsiteY1" fmla="*/ 376668 h 569245"/>
              <a:gd name="connsiteX2" fmla="*/ 301120 w 3606295"/>
              <a:gd name="connsiteY2" fmla="*/ 13011 h 569245"/>
              <a:gd name="connsiteX3" fmla="*/ 474158 w 3606295"/>
              <a:gd name="connsiteY3" fmla="*/ 439403 h 569245"/>
              <a:gd name="connsiteX4" fmla="*/ 621795 w 3606295"/>
              <a:gd name="connsiteY4" fmla="*/ 334962 h 569245"/>
              <a:gd name="connsiteX5" fmla="*/ 853570 w 3606295"/>
              <a:gd name="connsiteY5" fmla="*/ 355929 h 569245"/>
              <a:gd name="connsiteX6" fmla="*/ 1153607 w 3606295"/>
              <a:gd name="connsiteY6" fmla="*/ 4 h 569245"/>
              <a:gd name="connsiteX7" fmla="*/ 1467933 w 3606295"/>
              <a:gd name="connsiteY7" fmla="*/ 488646 h 569245"/>
              <a:gd name="connsiteX8" fmla="*/ 2085470 w 3606295"/>
              <a:gd name="connsiteY8" fmla="*/ 517521 h 569245"/>
              <a:gd name="connsiteX9" fmla="*/ 2737933 w 3606295"/>
              <a:gd name="connsiteY9" fmla="*/ 493097 h 569245"/>
              <a:gd name="connsiteX10" fmla="*/ 3057020 w 3606295"/>
              <a:gd name="connsiteY10" fmla="*/ 4815 h 569245"/>
              <a:gd name="connsiteX11" fmla="*/ 3252283 w 3606295"/>
              <a:gd name="connsiteY11" fmla="*/ 376177 h 569245"/>
              <a:gd name="connsiteX12" fmla="*/ 3606295 w 3606295"/>
              <a:gd name="connsiteY12" fmla="*/ 557212 h 569245"/>
              <a:gd name="connsiteX0" fmla="*/ 2670 w 3606295"/>
              <a:gd name="connsiteY0" fmla="*/ 527345 h 557212"/>
              <a:gd name="connsiteX1" fmla="*/ 37595 w 3606295"/>
              <a:gd name="connsiteY1" fmla="*/ 376668 h 557212"/>
              <a:gd name="connsiteX2" fmla="*/ 301120 w 3606295"/>
              <a:gd name="connsiteY2" fmla="*/ 13011 h 557212"/>
              <a:gd name="connsiteX3" fmla="*/ 474158 w 3606295"/>
              <a:gd name="connsiteY3" fmla="*/ 439403 h 557212"/>
              <a:gd name="connsiteX4" fmla="*/ 621795 w 3606295"/>
              <a:gd name="connsiteY4" fmla="*/ 334962 h 557212"/>
              <a:gd name="connsiteX5" fmla="*/ 853570 w 3606295"/>
              <a:gd name="connsiteY5" fmla="*/ 355929 h 557212"/>
              <a:gd name="connsiteX6" fmla="*/ 1153607 w 3606295"/>
              <a:gd name="connsiteY6" fmla="*/ 4 h 557212"/>
              <a:gd name="connsiteX7" fmla="*/ 1467933 w 3606295"/>
              <a:gd name="connsiteY7" fmla="*/ 488646 h 557212"/>
              <a:gd name="connsiteX8" fmla="*/ 2085470 w 3606295"/>
              <a:gd name="connsiteY8" fmla="*/ 517521 h 557212"/>
              <a:gd name="connsiteX9" fmla="*/ 2737933 w 3606295"/>
              <a:gd name="connsiteY9" fmla="*/ 493097 h 557212"/>
              <a:gd name="connsiteX10" fmla="*/ 3057020 w 3606295"/>
              <a:gd name="connsiteY10" fmla="*/ 4815 h 557212"/>
              <a:gd name="connsiteX11" fmla="*/ 3252283 w 3606295"/>
              <a:gd name="connsiteY11" fmla="*/ 376177 h 557212"/>
              <a:gd name="connsiteX12" fmla="*/ 3606295 w 3606295"/>
              <a:gd name="connsiteY12" fmla="*/ 557212 h 557212"/>
              <a:gd name="connsiteX0" fmla="*/ 1080 w 3611055"/>
              <a:gd name="connsiteY0" fmla="*/ 564589 h 564590"/>
              <a:gd name="connsiteX1" fmla="*/ 42355 w 3611055"/>
              <a:gd name="connsiteY1" fmla="*/ 376668 h 564590"/>
              <a:gd name="connsiteX2" fmla="*/ 305880 w 3611055"/>
              <a:gd name="connsiteY2" fmla="*/ 13011 h 564590"/>
              <a:gd name="connsiteX3" fmla="*/ 478918 w 3611055"/>
              <a:gd name="connsiteY3" fmla="*/ 439403 h 564590"/>
              <a:gd name="connsiteX4" fmla="*/ 626555 w 3611055"/>
              <a:gd name="connsiteY4" fmla="*/ 334962 h 564590"/>
              <a:gd name="connsiteX5" fmla="*/ 858330 w 3611055"/>
              <a:gd name="connsiteY5" fmla="*/ 355929 h 564590"/>
              <a:gd name="connsiteX6" fmla="*/ 1158367 w 3611055"/>
              <a:gd name="connsiteY6" fmla="*/ 4 h 564590"/>
              <a:gd name="connsiteX7" fmla="*/ 1472693 w 3611055"/>
              <a:gd name="connsiteY7" fmla="*/ 488646 h 564590"/>
              <a:gd name="connsiteX8" fmla="*/ 2090230 w 3611055"/>
              <a:gd name="connsiteY8" fmla="*/ 517521 h 564590"/>
              <a:gd name="connsiteX9" fmla="*/ 2742693 w 3611055"/>
              <a:gd name="connsiteY9" fmla="*/ 493097 h 564590"/>
              <a:gd name="connsiteX10" fmla="*/ 3061780 w 3611055"/>
              <a:gd name="connsiteY10" fmla="*/ 4815 h 564590"/>
              <a:gd name="connsiteX11" fmla="*/ 3257043 w 3611055"/>
              <a:gd name="connsiteY11" fmla="*/ 376177 h 564590"/>
              <a:gd name="connsiteX12" fmla="*/ 3611055 w 3611055"/>
              <a:gd name="connsiteY12" fmla="*/ 557212 h 564590"/>
              <a:gd name="connsiteX0" fmla="*/ 2670 w 3606295"/>
              <a:gd name="connsiteY0" fmla="*/ 550623 h 557212"/>
              <a:gd name="connsiteX1" fmla="*/ 37595 w 3606295"/>
              <a:gd name="connsiteY1" fmla="*/ 376668 h 557212"/>
              <a:gd name="connsiteX2" fmla="*/ 301120 w 3606295"/>
              <a:gd name="connsiteY2" fmla="*/ 13011 h 557212"/>
              <a:gd name="connsiteX3" fmla="*/ 474158 w 3606295"/>
              <a:gd name="connsiteY3" fmla="*/ 439403 h 557212"/>
              <a:gd name="connsiteX4" fmla="*/ 621795 w 3606295"/>
              <a:gd name="connsiteY4" fmla="*/ 334962 h 557212"/>
              <a:gd name="connsiteX5" fmla="*/ 853570 w 3606295"/>
              <a:gd name="connsiteY5" fmla="*/ 355929 h 557212"/>
              <a:gd name="connsiteX6" fmla="*/ 1153607 w 3606295"/>
              <a:gd name="connsiteY6" fmla="*/ 4 h 557212"/>
              <a:gd name="connsiteX7" fmla="*/ 1467933 w 3606295"/>
              <a:gd name="connsiteY7" fmla="*/ 488646 h 557212"/>
              <a:gd name="connsiteX8" fmla="*/ 2085470 w 3606295"/>
              <a:gd name="connsiteY8" fmla="*/ 517521 h 557212"/>
              <a:gd name="connsiteX9" fmla="*/ 2737933 w 3606295"/>
              <a:gd name="connsiteY9" fmla="*/ 493097 h 557212"/>
              <a:gd name="connsiteX10" fmla="*/ 3057020 w 3606295"/>
              <a:gd name="connsiteY10" fmla="*/ 4815 h 557212"/>
              <a:gd name="connsiteX11" fmla="*/ 3252283 w 3606295"/>
              <a:gd name="connsiteY11" fmla="*/ 376177 h 557212"/>
              <a:gd name="connsiteX12" fmla="*/ 3606295 w 3606295"/>
              <a:gd name="connsiteY12" fmla="*/ 557212 h 557212"/>
              <a:gd name="connsiteX0" fmla="*/ 3781 w 3604231"/>
              <a:gd name="connsiteY0" fmla="*/ 562262 h 562263"/>
              <a:gd name="connsiteX1" fmla="*/ 35531 w 3604231"/>
              <a:gd name="connsiteY1" fmla="*/ 376668 h 562263"/>
              <a:gd name="connsiteX2" fmla="*/ 299056 w 3604231"/>
              <a:gd name="connsiteY2" fmla="*/ 13011 h 562263"/>
              <a:gd name="connsiteX3" fmla="*/ 472094 w 3604231"/>
              <a:gd name="connsiteY3" fmla="*/ 439403 h 562263"/>
              <a:gd name="connsiteX4" fmla="*/ 619731 w 3604231"/>
              <a:gd name="connsiteY4" fmla="*/ 334962 h 562263"/>
              <a:gd name="connsiteX5" fmla="*/ 851506 w 3604231"/>
              <a:gd name="connsiteY5" fmla="*/ 355929 h 562263"/>
              <a:gd name="connsiteX6" fmla="*/ 1151543 w 3604231"/>
              <a:gd name="connsiteY6" fmla="*/ 4 h 562263"/>
              <a:gd name="connsiteX7" fmla="*/ 1465869 w 3604231"/>
              <a:gd name="connsiteY7" fmla="*/ 488646 h 562263"/>
              <a:gd name="connsiteX8" fmla="*/ 2083406 w 3604231"/>
              <a:gd name="connsiteY8" fmla="*/ 517521 h 562263"/>
              <a:gd name="connsiteX9" fmla="*/ 2735869 w 3604231"/>
              <a:gd name="connsiteY9" fmla="*/ 493097 h 562263"/>
              <a:gd name="connsiteX10" fmla="*/ 3054956 w 3604231"/>
              <a:gd name="connsiteY10" fmla="*/ 4815 h 562263"/>
              <a:gd name="connsiteX11" fmla="*/ 3250219 w 3604231"/>
              <a:gd name="connsiteY11" fmla="*/ 376177 h 562263"/>
              <a:gd name="connsiteX12" fmla="*/ 3604231 w 3604231"/>
              <a:gd name="connsiteY12" fmla="*/ 557212 h 562263"/>
              <a:gd name="connsiteX0" fmla="*/ 29837 w 3630287"/>
              <a:gd name="connsiteY0" fmla="*/ 562262 h 562264"/>
              <a:gd name="connsiteX1" fmla="*/ 20312 w 3630287"/>
              <a:gd name="connsiteY1" fmla="*/ 413912 h 562264"/>
              <a:gd name="connsiteX2" fmla="*/ 325112 w 3630287"/>
              <a:gd name="connsiteY2" fmla="*/ 13011 h 562264"/>
              <a:gd name="connsiteX3" fmla="*/ 498150 w 3630287"/>
              <a:gd name="connsiteY3" fmla="*/ 439403 h 562264"/>
              <a:gd name="connsiteX4" fmla="*/ 645787 w 3630287"/>
              <a:gd name="connsiteY4" fmla="*/ 334962 h 562264"/>
              <a:gd name="connsiteX5" fmla="*/ 877562 w 3630287"/>
              <a:gd name="connsiteY5" fmla="*/ 355929 h 562264"/>
              <a:gd name="connsiteX6" fmla="*/ 1177599 w 3630287"/>
              <a:gd name="connsiteY6" fmla="*/ 4 h 562264"/>
              <a:gd name="connsiteX7" fmla="*/ 1491925 w 3630287"/>
              <a:gd name="connsiteY7" fmla="*/ 488646 h 562264"/>
              <a:gd name="connsiteX8" fmla="*/ 2109462 w 3630287"/>
              <a:gd name="connsiteY8" fmla="*/ 517521 h 562264"/>
              <a:gd name="connsiteX9" fmla="*/ 2761925 w 3630287"/>
              <a:gd name="connsiteY9" fmla="*/ 493097 h 562264"/>
              <a:gd name="connsiteX10" fmla="*/ 3081012 w 3630287"/>
              <a:gd name="connsiteY10" fmla="*/ 4815 h 562264"/>
              <a:gd name="connsiteX11" fmla="*/ 3276275 w 3630287"/>
              <a:gd name="connsiteY11" fmla="*/ 376177 h 562264"/>
              <a:gd name="connsiteX12" fmla="*/ 3630287 w 3630287"/>
              <a:gd name="connsiteY12" fmla="*/ 557212 h 562264"/>
              <a:gd name="connsiteX0" fmla="*/ 9525 w 3609975"/>
              <a:gd name="connsiteY0" fmla="*/ 562262 h 562263"/>
              <a:gd name="connsiteX1" fmla="*/ 0 w 3609975"/>
              <a:gd name="connsiteY1" fmla="*/ 413912 h 562263"/>
              <a:gd name="connsiteX2" fmla="*/ 304800 w 3609975"/>
              <a:gd name="connsiteY2" fmla="*/ 13011 h 562263"/>
              <a:gd name="connsiteX3" fmla="*/ 477838 w 3609975"/>
              <a:gd name="connsiteY3" fmla="*/ 439403 h 562263"/>
              <a:gd name="connsiteX4" fmla="*/ 625475 w 3609975"/>
              <a:gd name="connsiteY4" fmla="*/ 334962 h 562263"/>
              <a:gd name="connsiteX5" fmla="*/ 857250 w 3609975"/>
              <a:gd name="connsiteY5" fmla="*/ 355929 h 562263"/>
              <a:gd name="connsiteX6" fmla="*/ 1157287 w 3609975"/>
              <a:gd name="connsiteY6" fmla="*/ 4 h 562263"/>
              <a:gd name="connsiteX7" fmla="*/ 1471613 w 3609975"/>
              <a:gd name="connsiteY7" fmla="*/ 488646 h 562263"/>
              <a:gd name="connsiteX8" fmla="*/ 2089150 w 3609975"/>
              <a:gd name="connsiteY8" fmla="*/ 517521 h 562263"/>
              <a:gd name="connsiteX9" fmla="*/ 2741613 w 3609975"/>
              <a:gd name="connsiteY9" fmla="*/ 493097 h 562263"/>
              <a:gd name="connsiteX10" fmla="*/ 3060700 w 3609975"/>
              <a:gd name="connsiteY10" fmla="*/ 4815 h 562263"/>
              <a:gd name="connsiteX11" fmla="*/ 3255963 w 3609975"/>
              <a:gd name="connsiteY11" fmla="*/ 376177 h 562263"/>
              <a:gd name="connsiteX12" fmla="*/ 3609975 w 3609975"/>
              <a:gd name="connsiteY12" fmla="*/ 557212 h 56226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</a:cxnLst>
            <a:rect l="l" t="t" r="r" b="b"/>
            <a:pathLst>
              <a:path w="3609975" h="562263">
                <a:moveTo>
                  <a:pt x="9525" y="562262"/>
                </a:moveTo>
                <a:cubicBezTo>
                  <a:pt x="8467" y="562754"/>
                  <a:pt x="3704" y="442605"/>
                  <a:pt x="0" y="413912"/>
                </a:cubicBezTo>
                <a:cubicBezTo>
                  <a:pt x="50271" y="343320"/>
                  <a:pt x="225160" y="8763"/>
                  <a:pt x="304800" y="13011"/>
                </a:cubicBezTo>
                <a:cubicBezTo>
                  <a:pt x="384440" y="17259"/>
                  <a:pt x="405342" y="438120"/>
                  <a:pt x="477838" y="439403"/>
                </a:cubicBezTo>
                <a:cubicBezTo>
                  <a:pt x="550334" y="440686"/>
                  <a:pt x="562240" y="348874"/>
                  <a:pt x="625475" y="334962"/>
                </a:cubicBezTo>
                <a:cubicBezTo>
                  <a:pt x="688710" y="321050"/>
                  <a:pt x="768615" y="411755"/>
                  <a:pt x="857250" y="355929"/>
                </a:cubicBezTo>
                <a:cubicBezTo>
                  <a:pt x="945885" y="300103"/>
                  <a:pt x="1045368" y="-1166"/>
                  <a:pt x="1157287" y="4"/>
                </a:cubicBezTo>
                <a:cubicBezTo>
                  <a:pt x="1269206" y="1174"/>
                  <a:pt x="1316303" y="402393"/>
                  <a:pt x="1471613" y="488646"/>
                </a:cubicBezTo>
                <a:cubicBezTo>
                  <a:pt x="1626924" y="574899"/>
                  <a:pt x="1877483" y="516779"/>
                  <a:pt x="2089150" y="517521"/>
                </a:cubicBezTo>
                <a:cubicBezTo>
                  <a:pt x="2300817" y="518263"/>
                  <a:pt x="2579688" y="578548"/>
                  <a:pt x="2741613" y="493097"/>
                </a:cubicBezTo>
                <a:cubicBezTo>
                  <a:pt x="2903538" y="407646"/>
                  <a:pt x="2974975" y="24302"/>
                  <a:pt x="3060700" y="4815"/>
                </a:cubicBezTo>
                <a:cubicBezTo>
                  <a:pt x="3146425" y="-14672"/>
                  <a:pt x="3192992" y="228245"/>
                  <a:pt x="3255963" y="376177"/>
                </a:cubicBezTo>
                <a:cubicBezTo>
                  <a:pt x="3318934" y="524109"/>
                  <a:pt x="3460750" y="544515"/>
                  <a:pt x="3609975" y="557212"/>
                </a:cubicBezTo>
              </a:path>
            </a:pathLst>
          </a:custGeom>
          <a:solidFill>
            <a:schemeClr val="accent5">
              <a:lumMod val="75000"/>
              <a:alpha val="25000"/>
            </a:schemeClr>
          </a:solidFill>
          <a:ln w="25400">
            <a:solidFill>
              <a:schemeClr val="accent5">
                <a:lumMod val="50000"/>
                <a:alpha val="2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61" name="Freeform 60"/>
          <p:cNvSpPr/>
          <p:nvPr/>
        </p:nvSpPr>
        <p:spPr>
          <a:xfrm>
            <a:off x="8071511" y="3137323"/>
            <a:ext cx="3609975" cy="1010008"/>
          </a:xfrm>
          <a:custGeom>
            <a:avLst/>
            <a:gdLst>
              <a:gd name="connsiteX0" fmla="*/ 0 w 3597275"/>
              <a:gd name="connsiteY0" fmla="*/ 1144701 h 1187485"/>
              <a:gd name="connsiteX1" fmla="*/ 479425 w 3597275"/>
              <a:gd name="connsiteY1" fmla="*/ 1141526 h 1187485"/>
              <a:gd name="connsiteX2" fmla="*/ 955675 w 3597275"/>
              <a:gd name="connsiteY2" fmla="*/ 674801 h 1187485"/>
              <a:gd name="connsiteX3" fmla="*/ 1200150 w 3597275"/>
              <a:gd name="connsiteY3" fmla="*/ 100126 h 1187485"/>
              <a:gd name="connsiteX4" fmla="*/ 1466850 w 3597275"/>
              <a:gd name="connsiteY4" fmla="*/ 55676 h 1187485"/>
              <a:gd name="connsiteX5" fmla="*/ 1730375 w 3597275"/>
              <a:gd name="connsiteY5" fmla="*/ 677976 h 1187485"/>
              <a:gd name="connsiteX6" fmla="*/ 2365375 w 3597275"/>
              <a:gd name="connsiteY6" fmla="*/ 998651 h 1187485"/>
              <a:gd name="connsiteX7" fmla="*/ 3597275 w 3597275"/>
              <a:gd name="connsiteY7" fmla="*/ 1170101 h 1187485"/>
              <a:gd name="connsiteX0" fmla="*/ 0 w 3597275"/>
              <a:gd name="connsiteY0" fmla="*/ 1144701 h 1170101"/>
              <a:gd name="connsiteX1" fmla="*/ 479425 w 3597275"/>
              <a:gd name="connsiteY1" fmla="*/ 1141526 h 1170101"/>
              <a:gd name="connsiteX2" fmla="*/ 955675 w 3597275"/>
              <a:gd name="connsiteY2" fmla="*/ 674801 h 1170101"/>
              <a:gd name="connsiteX3" fmla="*/ 1200150 w 3597275"/>
              <a:gd name="connsiteY3" fmla="*/ 100126 h 1170101"/>
              <a:gd name="connsiteX4" fmla="*/ 1466850 w 3597275"/>
              <a:gd name="connsiteY4" fmla="*/ 55676 h 1170101"/>
              <a:gd name="connsiteX5" fmla="*/ 1730375 w 3597275"/>
              <a:gd name="connsiteY5" fmla="*/ 677976 h 1170101"/>
              <a:gd name="connsiteX6" fmla="*/ 2365375 w 3597275"/>
              <a:gd name="connsiteY6" fmla="*/ 998651 h 1170101"/>
              <a:gd name="connsiteX7" fmla="*/ 3597275 w 3597275"/>
              <a:gd name="connsiteY7" fmla="*/ 1170101 h 1170101"/>
              <a:gd name="connsiteX0" fmla="*/ 0 w 3597275"/>
              <a:gd name="connsiteY0" fmla="*/ 1144701 h 1170101"/>
              <a:gd name="connsiteX1" fmla="*/ 469900 w 3597275"/>
              <a:gd name="connsiteY1" fmla="*/ 1093901 h 1170101"/>
              <a:gd name="connsiteX2" fmla="*/ 955675 w 3597275"/>
              <a:gd name="connsiteY2" fmla="*/ 674801 h 1170101"/>
              <a:gd name="connsiteX3" fmla="*/ 1200150 w 3597275"/>
              <a:gd name="connsiteY3" fmla="*/ 100126 h 1170101"/>
              <a:gd name="connsiteX4" fmla="*/ 1466850 w 3597275"/>
              <a:gd name="connsiteY4" fmla="*/ 55676 h 1170101"/>
              <a:gd name="connsiteX5" fmla="*/ 1730375 w 3597275"/>
              <a:gd name="connsiteY5" fmla="*/ 677976 h 1170101"/>
              <a:gd name="connsiteX6" fmla="*/ 2365375 w 3597275"/>
              <a:gd name="connsiteY6" fmla="*/ 998651 h 1170101"/>
              <a:gd name="connsiteX7" fmla="*/ 3597275 w 3597275"/>
              <a:gd name="connsiteY7" fmla="*/ 1170101 h 1170101"/>
              <a:gd name="connsiteX0" fmla="*/ 0 w 3597275"/>
              <a:gd name="connsiteY0" fmla="*/ 1176451 h 1191215"/>
              <a:gd name="connsiteX1" fmla="*/ 469900 w 3597275"/>
              <a:gd name="connsiteY1" fmla="*/ 1093901 h 1191215"/>
              <a:gd name="connsiteX2" fmla="*/ 955675 w 3597275"/>
              <a:gd name="connsiteY2" fmla="*/ 674801 h 1191215"/>
              <a:gd name="connsiteX3" fmla="*/ 1200150 w 3597275"/>
              <a:gd name="connsiteY3" fmla="*/ 100126 h 1191215"/>
              <a:gd name="connsiteX4" fmla="*/ 1466850 w 3597275"/>
              <a:gd name="connsiteY4" fmla="*/ 55676 h 1191215"/>
              <a:gd name="connsiteX5" fmla="*/ 1730375 w 3597275"/>
              <a:gd name="connsiteY5" fmla="*/ 677976 h 1191215"/>
              <a:gd name="connsiteX6" fmla="*/ 2365375 w 3597275"/>
              <a:gd name="connsiteY6" fmla="*/ 998651 h 1191215"/>
              <a:gd name="connsiteX7" fmla="*/ 3597275 w 3597275"/>
              <a:gd name="connsiteY7" fmla="*/ 1170101 h 1191215"/>
              <a:gd name="connsiteX0" fmla="*/ 0 w 3597275"/>
              <a:gd name="connsiteY0" fmla="*/ 1176451 h 1176451"/>
              <a:gd name="connsiteX1" fmla="*/ 469900 w 3597275"/>
              <a:gd name="connsiteY1" fmla="*/ 1093901 h 1176451"/>
              <a:gd name="connsiteX2" fmla="*/ 955675 w 3597275"/>
              <a:gd name="connsiteY2" fmla="*/ 674801 h 1176451"/>
              <a:gd name="connsiteX3" fmla="*/ 1200150 w 3597275"/>
              <a:gd name="connsiteY3" fmla="*/ 100126 h 1176451"/>
              <a:gd name="connsiteX4" fmla="*/ 1466850 w 3597275"/>
              <a:gd name="connsiteY4" fmla="*/ 55676 h 1176451"/>
              <a:gd name="connsiteX5" fmla="*/ 1730375 w 3597275"/>
              <a:gd name="connsiteY5" fmla="*/ 677976 h 1176451"/>
              <a:gd name="connsiteX6" fmla="*/ 2365375 w 3597275"/>
              <a:gd name="connsiteY6" fmla="*/ 998651 h 1176451"/>
              <a:gd name="connsiteX7" fmla="*/ 3597275 w 3597275"/>
              <a:gd name="connsiteY7" fmla="*/ 1170101 h 1176451"/>
              <a:gd name="connsiteX0" fmla="*/ 0 w 3597275"/>
              <a:gd name="connsiteY0" fmla="*/ 1176451 h 1176451"/>
              <a:gd name="connsiteX1" fmla="*/ 469900 w 3597275"/>
              <a:gd name="connsiteY1" fmla="*/ 1093901 h 1176451"/>
              <a:gd name="connsiteX2" fmla="*/ 955675 w 3597275"/>
              <a:gd name="connsiteY2" fmla="*/ 674801 h 1176451"/>
              <a:gd name="connsiteX3" fmla="*/ 1200150 w 3597275"/>
              <a:gd name="connsiteY3" fmla="*/ 100126 h 1176451"/>
              <a:gd name="connsiteX4" fmla="*/ 1466850 w 3597275"/>
              <a:gd name="connsiteY4" fmla="*/ 55676 h 1176451"/>
              <a:gd name="connsiteX5" fmla="*/ 1730375 w 3597275"/>
              <a:gd name="connsiteY5" fmla="*/ 677976 h 1176451"/>
              <a:gd name="connsiteX6" fmla="*/ 2365375 w 3597275"/>
              <a:gd name="connsiteY6" fmla="*/ 998651 h 1176451"/>
              <a:gd name="connsiteX7" fmla="*/ 3597275 w 3597275"/>
              <a:gd name="connsiteY7" fmla="*/ 1170101 h 1176451"/>
              <a:gd name="connsiteX0" fmla="*/ 0 w 3597275"/>
              <a:gd name="connsiteY0" fmla="*/ 1176451 h 1176451"/>
              <a:gd name="connsiteX1" fmla="*/ 469900 w 3597275"/>
              <a:gd name="connsiteY1" fmla="*/ 1093901 h 1176451"/>
              <a:gd name="connsiteX2" fmla="*/ 955675 w 3597275"/>
              <a:gd name="connsiteY2" fmla="*/ 674801 h 1176451"/>
              <a:gd name="connsiteX3" fmla="*/ 1200150 w 3597275"/>
              <a:gd name="connsiteY3" fmla="*/ 100126 h 1176451"/>
              <a:gd name="connsiteX4" fmla="*/ 1466850 w 3597275"/>
              <a:gd name="connsiteY4" fmla="*/ 55676 h 1176451"/>
              <a:gd name="connsiteX5" fmla="*/ 1730375 w 3597275"/>
              <a:gd name="connsiteY5" fmla="*/ 677976 h 1176451"/>
              <a:gd name="connsiteX6" fmla="*/ 2254250 w 3597275"/>
              <a:gd name="connsiteY6" fmla="*/ 1036751 h 1176451"/>
              <a:gd name="connsiteX7" fmla="*/ 3597275 w 3597275"/>
              <a:gd name="connsiteY7" fmla="*/ 1170101 h 1176451"/>
              <a:gd name="connsiteX0" fmla="*/ 0 w 3603625"/>
              <a:gd name="connsiteY0" fmla="*/ 1176451 h 1176451"/>
              <a:gd name="connsiteX1" fmla="*/ 469900 w 3603625"/>
              <a:gd name="connsiteY1" fmla="*/ 1093901 h 1176451"/>
              <a:gd name="connsiteX2" fmla="*/ 955675 w 3603625"/>
              <a:gd name="connsiteY2" fmla="*/ 674801 h 1176451"/>
              <a:gd name="connsiteX3" fmla="*/ 1200150 w 3603625"/>
              <a:gd name="connsiteY3" fmla="*/ 100126 h 1176451"/>
              <a:gd name="connsiteX4" fmla="*/ 1466850 w 3603625"/>
              <a:gd name="connsiteY4" fmla="*/ 55676 h 1176451"/>
              <a:gd name="connsiteX5" fmla="*/ 1730375 w 3603625"/>
              <a:gd name="connsiteY5" fmla="*/ 677976 h 1176451"/>
              <a:gd name="connsiteX6" fmla="*/ 2254250 w 3603625"/>
              <a:gd name="connsiteY6" fmla="*/ 1036751 h 1176451"/>
              <a:gd name="connsiteX7" fmla="*/ 3603625 w 3603625"/>
              <a:gd name="connsiteY7" fmla="*/ 1151051 h 1176451"/>
              <a:gd name="connsiteX0" fmla="*/ 0 w 3609975"/>
              <a:gd name="connsiteY0" fmla="*/ 1176451 h 1176451"/>
              <a:gd name="connsiteX1" fmla="*/ 469900 w 3609975"/>
              <a:gd name="connsiteY1" fmla="*/ 1093901 h 1176451"/>
              <a:gd name="connsiteX2" fmla="*/ 955675 w 3609975"/>
              <a:gd name="connsiteY2" fmla="*/ 674801 h 1176451"/>
              <a:gd name="connsiteX3" fmla="*/ 1200150 w 3609975"/>
              <a:gd name="connsiteY3" fmla="*/ 100126 h 1176451"/>
              <a:gd name="connsiteX4" fmla="*/ 1466850 w 3609975"/>
              <a:gd name="connsiteY4" fmla="*/ 55676 h 1176451"/>
              <a:gd name="connsiteX5" fmla="*/ 1730375 w 3609975"/>
              <a:gd name="connsiteY5" fmla="*/ 677976 h 1176451"/>
              <a:gd name="connsiteX6" fmla="*/ 2254250 w 3609975"/>
              <a:gd name="connsiteY6" fmla="*/ 1036751 h 1176451"/>
              <a:gd name="connsiteX7" fmla="*/ 3609975 w 3609975"/>
              <a:gd name="connsiteY7" fmla="*/ 1176451 h 1176451"/>
              <a:gd name="connsiteX0" fmla="*/ 0 w 3609975"/>
              <a:gd name="connsiteY0" fmla="*/ 1176451 h 1176451"/>
              <a:gd name="connsiteX1" fmla="*/ 469900 w 3609975"/>
              <a:gd name="connsiteY1" fmla="*/ 1093901 h 1176451"/>
              <a:gd name="connsiteX2" fmla="*/ 955675 w 3609975"/>
              <a:gd name="connsiteY2" fmla="*/ 674801 h 1176451"/>
              <a:gd name="connsiteX3" fmla="*/ 1200150 w 3609975"/>
              <a:gd name="connsiteY3" fmla="*/ 100126 h 1176451"/>
              <a:gd name="connsiteX4" fmla="*/ 1466850 w 3609975"/>
              <a:gd name="connsiteY4" fmla="*/ 55676 h 1176451"/>
              <a:gd name="connsiteX5" fmla="*/ 1730375 w 3609975"/>
              <a:gd name="connsiteY5" fmla="*/ 677976 h 1176451"/>
              <a:gd name="connsiteX6" fmla="*/ 2956214 w 3609975"/>
              <a:gd name="connsiteY6" fmla="*/ 445623 h 1176451"/>
              <a:gd name="connsiteX7" fmla="*/ 3609975 w 3609975"/>
              <a:gd name="connsiteY7" fmla="*/ 1176451 h 1176451"/>
              <a:gd name="connsiteX0" fmla="*/ 0 w 3609975"/>
              <a:gd name="connsiteY0" fmla="*/ 1195206 h 1195206"/>
              <a:gd name="connsiteX1" fmla="*/ 469900 w 3609975"/>
              <a:gd name="connsiteY1" fmla="*/ 1112656 h 1195206"/>
              <a:gd name="connsiteX2" fmla="*/ 955675 w 3609975"/>
              <a:gd name="connsiteY2" fmla="*/ 693556 h 1195206"/>
              <a:gd name="connsiteX3" fmla="*/ 1200150 w 3609975"/>
              <a:gd name="connsiteY3" fmla="*/ 118881 h 1195206"/>
              <a:gd name="connsiteX4" fmla="*/ 1466850 w 3609975"/>
              <a:gd name="connsiteY4" fmla="*/ 74431 h 1195206"/>
              <a:gd name="connsiteX5" fmla="*/ 2238375 w 3609975"/>
              <a:gd name="connsiteY5" fmla="*/ 955349 h 1195206"/>
              <a:gd name="connsiteX6" fmla="*/ 2956214 w 3609975"/>
              <a:gd name="connsiteY6" fmla="*/ 464378 h 1195206"/>
              <a:gd name="connsiteX7" fmla="*/ 3609975 w 3609975"/>
              <a:gd name="connsiteY7" fmla="*/ 1195206 h 1195206"/>
              <a:gd name="connsiteX0" fmla="*/ 0 w 3609975"/>
              <a:gd name="connsiteY0" fmla="*/ 1087710 h 1087710"/>
              <a:gd name="connsiteX1" fmla="*/ 469900 w 3609975"/>
              <a:gd name="connsiteY1" fmla="*/ 1005160 h 1087710"/>
              <a:gd name="connsiteX2" fmla="*/ 955675 w 3609975"/>
              <a:gd name="connsiteY2" fmla="*/ 586060 h 1087710"/>
              <a:gd name="connsiteX3" fmla="*/ 1200150 w 3609975"/>
              <a:gd name="connsiteY3" fmla="*/ 11385 h 1087710"/>
              <a:gd name="connsiteX4" fmla="*/ 1845541 w 3609975"/>
              <a:gd name="connsiteY4" fmla="*/ 253263 h 1087710"/>
              <a:gd name="connsiteX5" fmla="*/ 2238375 w 3609975"/>
              <a:gd name="connsiteY5" fmla="*/ 847853 h 1087710"/>
              <a:gd name="connsiteX6" fmla="*/ 2956214 w 3609975"/>
              <a:gd name="connsiteY6" fmla="*/ 356882 h 1087710"/>
              <a:gd name="connsiteX7" fmla="*/ 3609975 w 3609975"/>
              <a:gd name="connsiteY7" fmla="*/ 1087710 h 1087710"/>
              <a:gd name="connsiteX0" fmla="*/ 0 w 3609975"/>
              <a:gd name="connsiteY0" fmla="*/ 834718 h 834718"/>
              <a:gd name="connsiteX1" fmla="*/ 469900 w 3609975"/>
              <a:gd name="connsiteY1" fmla="*/ 752168 h 834718"/>
              <a:gd name="connsiteX2" fmla="*/ 955675 w 3609975"/>
              <a:gd name="connsiteY2" fmla="*/ 333068 h 834718"/>
              <a:gd name="connsiteX3" fmla="*/ 1468005 w 3609975"/>
              <a:gd name="connsiteY3" fmla="*/ 515775 h 834718"/>
              <a:gd name="connsiteX4" fmla="*/ 1845541 w 3609975"/>
              <a:gd name="connsiteY4" fmla="*/ 271 h 834718"/>
              <a:gd name="connsiteX5" fmla="*/ 2238375 w 3609975"/>
              <a:gd name="connsiteY5" fmla="*/ 594861 h 834718"/>
              <a:gd name="connsiteX6" fmla="*/ 2956214 w 3609975"/>
              <a:gd name="connsiteY6" fmla="*/ 103890 h 834718"/>
              <a:gd name="connsiteX7" fmla="*/ 3609975 w 3609975"/>
              <a:gd name="connsiteY7" fmla="*/ 834718 h 834718"/>
              <a:gd name="connsiteX0" fmla="*/ 0 w 3609975"/>
              <a:gd name="connsiteY0" fmla="*/ 1010145 h 1010145"/>
              <a:gd name="connsiteX1" fmla="*/ 469900 w 3609975"/>
              <a:gd name="connsiteY1" fmla="*/ 927595 h 1010145"/>
              <a:gd name="connsiteX2" fmla="*/ 955675 w 3609975"/>
              <a:gd name="connsiteY2" fmla="*/ 508495 h 1010145"/>
              <a:gd name="connsiteX3" fmla="*/ 1468005 w 3609975"/>
              <a:gd name="connsiteY3" fmla="*/ 691202 h 1010145"/>
              <a:gd name="connsiteX4" fmla="*/ 1845541 w 3609975"/>
              <a:gd name="connsiteY4" fmla="*/ 207 h 1010145"/>
              <a:gd name="connsiteX5" fmla="*/ 2238375 w 3609975"/>
              <a:gd name="connsiteY5" fmla="*/ 770288 h 1010145"/>
              <a:gd name="connsiteX6" fmla="*/ 2956214 w 3609975"/>
              <a:gd name="connsiteY6" fmla="*/ 279317 h 1010145"/>
              <a:gd name="connsiteX7" fmla="*/ 3609975 w 3609975"/>
              <a:gd name="connsiteY7" fmla="*/ 1010145 h 1010145"/>
              <a:gd name="connsiteX0" fmla="*/ 0 w 3609975"/>
              <a:gd name="connsiteY0" fmla="*/ 1010162 h 1010162"/>
              <a:gd name="connsiteX1" fmla="*/ 469900 w 3609975"/>
              <a:gd name="connsiteY1" fmla="*/ 927612 h 1010162"/>
              <a:gd name="connsiteX2" fmla="*/ 1029566 w 3609975"/>
              <a:gd name="connsiteY2" fmla="*/ 794840 h 1010162"/>
              <a:gd name="connsiteX3" fmla="*/ 1468005 w 3609975"/>
              <a:gd name="connsiteY3" fmla="*/ 691219 h 1010162"/>
              <a:gd name="connsiteX4" fmla="*/ 1845541 w 3609975"/>
              <a:gd name="connsiteY4" fmla="*/ 224 h 1010162"/>
              <a:gd name="connsiteX5" fmla="*/ 2238375 w 3609975"/>
              <a:gd name="connsiteY5" fmla="*/ 770305 h 1010162"/>
              <a:gd name="connsiteX6" fmla="*/ 2956214 w 3609975"/>
              <a:gd name="connsiteY6" fmla="*/ 279334 h 1010162"/>
              <a:gd name="connsiteX7" fmla="*/ 3609975 w 3609975"/>
              <a:gd name="connsiteY7" fmla="*/ 1010162 h 1010162"/>
              <a:gd name="connsiteX0" fmla="*/ 0 w 3609975"/>
              <a:gd name="connsiteY0" fmla="*/ 1010171 h 1010171"/>
              <a:gd name="connsiteX1" fmla="*/ 469900 w 3609975"/>
              <a:gd name="connsiteY1" fmla="*/ 927621 h 1010171"/>
              <a:gd name="connsiteX2" fmla="*/ 1468005 w 3609975"/>
              <a:gd name="connsiteY2" fmla="*/ 691228 h 1010171"/>
              <a:gd name="connsiteX3" fmla="*/ 1845541 w 3609975"/>
              <a:gd name="connsiteY3" fmla="*/ 233 h 1010171"/>
              <a:gd name="connsiteX4" fmla="*/ 2238375 w 3609975"/>
              <a:gd name="connsiteY4" fmla="*/ 770314 h 1010171"/>
              <a:gd name="connsiteX5" fmla="*/ 2956214 w 3609975"/>
              <a:gd name="connsiteY5" fmla="*/ 279343 h 1010171"/>
              <a:gd name="connsiteX6" fmla="*/ 3609975 w 3609975"/>
              <a:gd name="connsiteY6" fmla="*/ 1010171 h 1010171"/>
              <a:gd name="connsiteX0" fmla="*/ 0 w 3609975"/>
              <a:gd name="connsiteY0" fmla="*/ 1010171 h 1010171"/>
              <a:gd name="connsiteX1" fmla="*/ 469900 w 3609975"/>
              <a:gd name="connsiteY1" fmla="*/ 927621 h 1010171"/>
              <a:gd name="connsiteX2" fmla="*/ 1468005 w 3609975"/>
              <a:gd name="connsiteY2" fmla="*/ 691228 h 1010171"/>
              <a:gd name="connsiteX3" fmla="*/ 1845541 w 3609975"/>
              <a:gd name="connsiteY3" fmla="*/ 233 h 1010171"/>
              <a:gd name="connsiteX4" fmla="*/ 2238375 w 3609975"/>
              <a:gd name="connsiteY4" fmla="*/ 770314 h 1010171"/>
              <a:gd name="connsiteX5" fmla="*/ 2956214 w 3609975"/>
              <a:gd name="connsiteY5" fmla="*/ 279343 h 1010171"/>
              <a:gd name="connsiteX6" fmla="*/ 3609975 w 3609975"/>
              <a:gd name="connsiteY6" fmla="*/ 1010171 h 1010171"/>
              <a:gd name="connsiteX0" fmla="*/ 0 w 3609975"/>
              <a:gd name="connsiteY0" fmla="*/ 1010077 h 1010077"/>
              <a:gd name="connsiteX1" fmla="*/ 469900 w 3609975"/>
              <a:gd name="connsiteY1" fmla="*/ 927527 h 1010077"/>
              <a:gd name="connsiteX2" fmla="*/ 1468005 w 3609975"/>
              <a:gd name="connsiteY2" fmla="*/ 691134 h 1010077"/>
              <a:gd name="connsiteX3" fmla="*/ 1845541 w 3609975"/>
              <a:gd name="connsiteY3" fmla="*/ 139 h 1010077"/>
              <a:gd name="connsiteX4" fmla="*/ 2386157 w 3609975"/>
              <a:gd name="connsiteY4" fmla="*/ 751747 h 1010077"/>
              <a:gd name="connsiteX5" fmla="*/ 2956214 w 3609975"/>
              <a:gd name="connsiteY5" fmla="*/ 279249 h 1010077"/>
              <a:gd name="connsiteX6" fmla="*/ 3609975 w 3609975"/>
              <a:gd name="connsiteY6" fmla="*/ 1010077 h 1010077"/>
              <a:gd name="connsiteX0" fmla="*/ 0 w 3609975"/>
              <a:gd name="connsiteY0" fmla="*/ 1010077 h 1010077"/>
              <a:gd name="connsiteX1" fmla="*/ 469900 w 3609975"/>
              <a:gd name="connsiteY1" fmla="*/ 927527 h 1010077"/>
              <a:gd name="connsiteX2" fmla="*/ 1468005 w 3609975"/>
              <a:gd name="connsiteY2" fmla="*/ 691134 h 1010077"/>
              <a:gd name="connsiteX3" fmla="*/ 1845541 w 3609975"/>
              <a:gd name="connsiteY3" fmla="*/ 139 h 1010077"/>
              <a:gd name="connsiteX4" fmla="*/ 2386157 w 3609975"/>
              <a:gd name="connsiteY4" fmla="*/ 751747 h 1010077"/>
              <a:gd name="connsiteX5" fmla="*/ 2725305 w 3609975"/>
              <a:gd name="connsiteY5" fmla="*/ 306959 h 1010077"/>
              <a:gd name="connsiteX6" fmla="*/ 3609975 w 3609975"/>
              <a:gd name="connsiteY6" fmla="*/ 1010077 h 1010077"/>
              <a:gd name="connsiteX0" fmla="*/ 0 w 3609975"/>
              <a:gd name="connsiteY0" fmla="*/ 1010077 h 1010077"/>
              <a:gd name="connsiteX1" fmla="*/ 469900 w 3609975"/>
              <a:gd name="connsiteY1" fmla="*/ 927527 h 1010077"/>
              <a:gd name="connsiteX2" fmla="*/ 1468005 w 3609975"/>
              <a:gd name="connsiteY2" fmla="*/ 691134 h 1010077"/>
              <a:gd name="connsiteX3" fmla="*/ 1845541 w 3609975"/>
              <a:gd name="connsiteY3" fmla="*/ 139 h 1010077"/>
              <a:gd name="connsiteX4" fmla="*/ 2386157 w 3609975"/>
              <a:gd name="connsiteY4" fmla="*/ 751747 h 1010077"/>
              <a:gd name="connsiteX5" fmla="*/ 2725305 w 3609975"/>
              <a:gd name="connsiteY5" fmla="*/ 306959 h 1010077"/>
              <a:gd name="connsiteX6" fmla="*/ 3609975 w 3609975"/>
              <a:gd name="connsiteY6" fmla="*/ 1010077 h 1010077"/>
              <a:gd name="connsiteX0" fmla="*/ 0 w 3609975"/>
              <a:gd name="connsiteY0" fmla="*/ 1010012 h 1010012"/>
              <a:gd name="connsiteX1" fmla="*/ 469900 w 3609975"/>
              <a:gd name="connsiteY1" fmla="*/ 927462 h 1010012"/>
              <a:gd name="connsiteX2" fmla="*/ 1468005 w 3609975"/>
              <a:gd name="connsiteY2" fmla="*/ 691069 h 1010012"/>
              <a:gd name="connsiteX3" fmla="*/ 1845541 w 3609975"/>
              <a:gd name="connsiteY3" fmla="*/ 74 h 1010012"/>
              <a:gd name="connsiteX4" fmla="*/ 2386157 w 3609975"/>
              <a:gd name="connsiteY4" fmla="*/ 751682 h 1010012"/>
              <a:gd name="connsiteX5" fmla="*/ 2725305 w 3609975"/>
              <a:gd name="connsiteY5" fmla="*/ 306894 h 1010012"/>
              <a:gd name="connsiteX6" fmla="*/ 3609975 w 3609975"/>
              <a:gd name="connsiteY6" fmla="*/ 1010012 h 1010012"/>
              <a:gd name="connsiteX0" fmla="*/ 0 w 3609975"/>
              <a:gd name="connsiteY0" fmla="*/ 1010012 h 1010012"/>
              <a:gd name="connsiteX1" fmla="*/ 469900 w 3609975"/>
              <a:gd name="connsiteY1" fmla="*/ 927462 h 1010012"/>
              <a:gd name="connsiteX2" fmla="*/ 1468005 w 3609975"/>
              <a:gd name="connsiteY2" fmla="*/ 691069 h 1010012"/>
              <a:gd name="connsiteX3" fmla="*/ 1845541 w 3609975"/>
              <a:gd name="connsiteY3" fmla="*/ 74 h 1010012"/>
              <a:gd name="connsiteX4" fmla="*/ 2386157 w 3609975"/>
              <a:gd name="connsiteY4" fmla="*/ 751682 h 1010012"/>
              <a:gd name="connsiteX5" fmla="*/ 2725305 w 3609975"/>
              <a:gd name="connsiteY5" fmla="*/ 306894 h 1010012"/>
              <a:gd name="connsiteX6" fmla="*/ 3609975 w 3609975"/>
              <a:gd name="connsiteY6" fmla="*/ 1010012 h 1010012"/>
              <a:gd name="connsiteX0" fmla="*/ 0 w 3609975"/>
              <a:gd name="connsiteY0" fmla="*/ 1010008 h 1010008"/>
              <a:gd name="connsiteX1" fmla="*/ 469900 w 3609975"/>
              <a:gd name="connsiteY1" fmla="*/ 927458 h 1010008"/>
              <a:gd name="connsiteX2" fmla="*/ 1468005 w 3609975"/>
              <a:gd name="connsiteY2" fmla="*/ 691065 h 1010008"/>
              <a:gd name="connsiteX3" fmla="*/ 1845541 w 3609975"/>
              <a:gd name="connsiteY3" fmla="*/ 70 h 1010008"/>
              <a:gd name="connsiteX4" fmla="*/ 2386157 w 3609975"/>
              <a:gd name="connsiteY4" fmla="*/ 751678 h 1010008"/>
              <a:gd name="connsiteX5" fmla="*/ 2725305 w 3609975"/>
              <a:gd name="connsiteY5" fmla="*/ 306890 h 1010008"/>
              <a:gd name="connsiteX6" fmla="*/ 3609975 w 3609975"/>
              <a:gd name="connsiteY6" fmla="*/ 1010008 h 101000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3609975" h="1010008">
                <a:moveTo>
                  <a:pt x="0" y="1010008"/>
                </a:moveTo>
                <a:cubicBezTo>
                  <a:pt x="163248" y="996779"/>
                  <a:pt x="225233" y="980615"/>
                  <a:pt x="469900" y="927458"/>
                </a:cubicBezTo>
                <a:cubicBezTo>
                  <a:pt x="714567" y="874301"/>
                  <a:pt x="1238732" y="845630"/>
                  <a:pt x="1468005" y="691065"/>
                </a:cubicBezTo>
                <a:cubicBezTo>
                  <a:pt x="1697278" y="536500"/>
                  <a:pt x="1683279" y="8441"/>
                  <a:pt x="1845541" y="70"/>
                </a:cubicBezTo>
                <a:cubicBezTo>
                  <a:pt x="2007803" y="-8301"/>
                  <a:pt x="2211821" y="746722"/>
                  <a:pt x="2386157" y="751678"/>
                </a:cubicBezTo>
                <a:cubicBezTo>
                  <a:pt x="2560493" y="756634"/>
                  <a:pt x="2530572" y="300780"/>
                  <a:pt x="2725305" y="306890"/>
                </a:cubicBezTo>
                <a:cubicBezTo>
                  <a:pt x="2920038" y="313000"/>
                  <a:pt x="2851150" y="965558"/>
                  <a:pt x="3609975" y="1010008"/>
                </a:cubicBezTo>
              </a:path>
            </a:pathLst>
          </a:custGeom>
          <a:solidFill>
            <a:schemeClr val="accent2">
              <a:lumMod val="75000"/>
              <a:alpha val="25000"/>
            </a:schemeClr>
          </a:solidFill>
          <a:ln w="25400">
            <a:solidFill>
              <a:schemeClr val="accent2">
                <a:lumMod val="50000"/>
                <a:alpha val="2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13" name="Freeform 12"/>
          <p:cNvSpPr/>
          <p:nvPr/>
        </p:nvSpPr>
        <p:spPr>
          <a:xfrm>
            <a:off x="4311650" y="5753153"/>
            <a:ext cx="3597275" cy="501595"/>
          </a:xfrm>
          <a:custGeom>
            <a:avLst/>
            <a:gdLst>
              <a:gd name="connsiteX0" fmla="*/ 0 w 3597275"/>
              <a:gd name="connsiteY0" fmla="*/ 523821 h 540284"/>
              <a:gd name="connsiteX1" fmla="*/ 241300 w 3597275"/>
              <a:gd name="connsiteY1" fmla="*/ 425396 h 540284"/>
              <a:gd name="connsiteX2" fmla="*/ 479425 w 3597275"/>
              <a:gd name="connsiteY2" fmla="*/ 406346 h 540284"/>
              <a:gd name="connsiteX3" fmla="*/ 628650 w 3597275"/>
              <a:gd name="connsiteY3" fmla="*/ 301571 h 540284"/>
              <a:gd name="connsiteX4" fmla="*/ 812800 w 3597275"/>
              <a:gd name="connsiteY4" fmla="*/ 301571 h 540284"/>
              <a:gd name="connsiteX5" fmla="*/ 1111250 w 3597275"/>
              <a:gd name="connsiteY5" fmla="*/ 3121 h 540284"/>
              <a:gd name="connsiteX6" fmla="*/ 1355725 w 3597275"/>
              <a:gd name="connsiteY6" fmla="*/ 145996 h 540284"/>
              <a:gd name="connsiteX7" fmla="*/ 1724025 w 3597275"/>
              <a:gd name="connsiteY7" fmla="*/ 155521 h 540284"/>
              <a:gd name="connsiteX8" fmla="*/ 1905000 w 3597275"/>
              <a:gd name="connsiteY8" fmla="*/ 152346 h 540284"/>
              <a:gd name="connsiteX9" fmla="*/ 2397125 w 3597275"/>
              <a:gd name="connsiteY9" fmla="*/ 374596 h 540284"/>
              <a:gd name="connsiteX10" fmla="*/ 2717800 w 3597275"/>
              <a:gd name="connsiteY10" fmla="*/ 355546 h 540284"/>
              <a:gd name="connsiteX11" fmla="*/ 3070225 w 3597275"/>
              <a:gd name="connsiteY11" fmla="*/ 384121 h 540284"/>
              <a:gd name="connsiteX12" fmla="*/ 3321050 w 3597275"/>
              <a:gd name="connsiteY12" fmla="*/ 514296 h 540284"/>
              <a:gd name="connsiteX13" fmla="*/ 3597275 w 3597275"/>
              <a:gd name="connsiteY13" fmla="*/ 533346 h 540284"/>
              <a:gd name="connsiteX0" fmla="*/ 0 w 3597275"/>
              <a:gd name="connsiteY0" fmla="*/ 536521 h 540284"/>
              <a:gd name="connsiteX1" fmla="*/ 241300 w 3597275"/>
              <a:gd name="connsiteY1" fmla="*/ 425396 h 540284"/>
              <a:gd name="connsiteX2" fmla="*/ 479425 w 3597275"/>
              <a:gd name="connsiteY2" fmla="*/ 406346 h 540284"/>
              <a:gd name="connsiteX3" fmla="*/ 628650 w 3597275"/>
              <a:gd name="connsiteY3" fmla="*/ 301571 h 540284"/>
              <a:gd name="connsiteX4" fmla="*/ 812800 w 3597275"/>
              <a:gd name="connsiteY4" fmla="*/ 301571 h 540284"/>
              <a:gd name="connsiteX5" fmla="*/ 1111250 w 3597275"/>
              <a:gd name="connsiteY5" fmla="*/ 3121 h 540284"/>
              <a:gd name="connsiteX6" fmla="*/ 1355725 w 3597275"/>
              <a:gd name="connsiteY6" fmla="*/ 145996 h 540284"/>
              <a:gd name="connsiteX7" fmla="*/ 1724025 w 3597275"/>
              <a:gd name="connsiteY7" fmla="*/ 155521 h 540284"/>
              <a:gd name="connsiteX8" fmla="*/ 1905000 w 3597275"/>
              <a:gd name="connsiteY8" fmla="*/ 152346 h 540284"/>
              <a:gd name="connsiteX9" fmla="*/ 2397125 w 3597275"/>
              <a:gd name="connsiteY9" fmla="*/ 374596 h 540284"/>
              <a:gd name="connsiteX10" fmla="*/ 2717800 w 3597275"/>
              <a:gd name="connsiteY10" fmla="*/ 355546 h 540284"/>
              <a:gd name="connsiteX11" fmla="*/ 3070225 w 3597275"/>
              <a:gd name="connsiteY11" fmla="*/ 384121 h 540284"/>
              <a:gd name="connsiteX12" fmla="*/ 3321050 w 3597275"/>
              <a:gd name="connsiteY12" fmla="*/ 514296 h 540284"/>
              <a:gd name="connsiteX13" fmla="*/ 3597275 w 3597275"/>
              <a:gd name="connsiteY13" fmla="*/ 533346 h 540284"/>
              <a:gd name="connsiteX0" fmla="*/ 0 w 3597275"/>
              <a:gd name="connsiteY0" fmla="*/ 536521 h 536521"/>
              <a:gd name="connsiteX1" fmla="*/ 241300 w 3597275"/>
              <a:gd name="connsiteY1" fmla="*/ 425396 h 536521"/>
              <a:gd name="connsiteX2" fmla="*/ 479425 w 3597275"/>
              <a:gd name="connsiteY2" fmla="*/ 406346 h 536521"/>
              <a:gd name="connsiteX3" fmla="*/ 628650 w 3597275"/>
              <a:gd name="connsiteY3" fmla="*/ 301571 h 536521"/>
              <a:gd name="connsiteX4" fmla="*/ 812800 w 3597275"/>
              <a:gd name="connsiteY4" fmla="*/ 301571 h 536521"/>
              <a:gd name="connsiteX5" fmla="*/ 1111250 w 3597275"/>
              <a:gd name="connsiteY5" fmla="*/ 3121 h 536521"/>
              <a:gd name="connsiteX6" fmla="*/ 1355725 w 3597275"/>
              <a:gd name="connsiteY6" fmla="*/ 145996 h 536521"/>
              <a:gd name="connsiteX7" fmla="*/ 1724025 w 3597275"/>
              <a:gd name="connsiteY7" fmla="*/ 155521 h 536521"/>
              <a:gd name="connsiteX8" fmla="*/ 1905000 w 3597275"/>
              <a:gd name="connsiteY8" fmla="*/ 152346 h 536521"/>
              <a:gd name="connsiteX9" fmla="*/ 2397125 w 3597275"/>
              <a:gd name="connsiteY9" fmla="*/ 374596 h 536521"/>
              <a:gd name="connsiteX10" fmla="*/ 2717800 w 3597275"/>
              <a:gd name="connsiteY10" fmla="*/ 355546 h 536521"/>
              <a:gd name="connsiteX11" fmla="*/ 3070225 w 3597275"/>
              <a:gd name="connsiteY11" fmla="*/ 384121 h 536521"/>
              <a:gd name="connsiteX12" fmla="*/ 3321050 w 3597275"/>
              <a:gd name="connsiteY12" fmla="*/ 514296 h 536521"/>
              <a:gd name="connsiteX13" fmla="*/ 3597275 w 3597275"/>
              <a:gd name="connsiteY13" fmla="*/ 533346 h 536521"/>
              <a:gd name="connsiteX0" fmla="*/ 0 w 3597275"/>
              <a:gd name="connsiteY0" fmla="*/ 536521 h 536521"/>
              <a:gd name="connsiteX1" fmla="*/ 241300 w 3597275"/>
              <a:gd name="connsiteY1" fmla="*/ 425396 h 536521"/>
              <a:gd name="connsiteX2" fmla="*/ 479425 w 3597275"/>
              <a:gd name="connsiteY2" fmla="*/ 406346 h 536521"/>
              <a:gd name="connsiteX3" fmla="*/ 628650 w 3597275"/>
              <a:gd name="connsiteY3" fmla="*/ 301571 h 536521"/>
              <a:gd name="connsiteX4" fmla="*/ 812800 w 3597275"/>
              <a:gd name="connsiteY4" fmla="*/ 301571 h 536521"/>
              <a:gd name="connsiteX5" fmla="*/ 1111250 w 3597275"/>
              <a:gd name="connsiteY5" fmla="*/ 3121 h 536521"/>
              <a:gd name="connsiteX6" fmla="*/ 1355725 w 3597275"/>
              <a:gd name="connsiteY6" fmla="*/ 145996 h 536521"/>
              <a:gd name="connsiteX7" fmla="*/ 1724025 w 3597275"/>
              <a:gd name="connsiteY7" fmla="*/ 155521 h 536521"/>
              <a:gd name="connsiteX8" fmla="*/ 1905000 w 3597275"/>
              <a:gd name="connsiteY8" fmla="*/ 152346 h 536521"/>
              <a:gd name="connsiteX9" fmla="*/ 2397125 w 3597275"/>
              <a:gd name="connsiteY9" fmla="*/ 374596 h 536521"/>
              <a:gd name="connsiteX10" fmla="*/ 2717800 w 3597275"/>
              <a:gd name="connsiteY10" fmla="*/ 355546 h 536521"/>
              <a:gd name="connsiteX11" fmla="*/ 3070225 w 3597275"/>
              <a:gd name="connsiteY11" fmla="*/ 384121 h 536521"/>
              <a:gd name="connsiteX12" fmla="*/ 3321050 w 3597275"/>
              <a:gd name="connsiteY12" fmla="*/ 514296 h 536521"/>
              <a:gd name="connsiteX13" fmla="*/ 3597275 w 3597275"/>
              <a:gd name="connsiteY13" fmla="*/ 533346 h 536521"/>
              <a:gd name="connsiteX0" fmla="*/ 0 w 3604419"/>
              <a:gd name="connsiteY0" fmla="*/ 536521 h 536604"/>
              <a:gd name="connsiteX1" fmla="*/ 241300 w 3604419"/>
              <a:gd name="connsiteY1" fmla="*/ 425396 h 536604"/>
              <a:gd name="connsiteX2" fmla="*/ 479425 w 3604419"/>
              <a:gd name="connsiteY2" fmla="*/ 406346 h 536604"/>
              <a:gd name="connsiteX3" fmla="*/ 628650 w 3604419"/>
              <a:gd name="connsiteY3" fmla="*/ 301571 h 536604"/>
              <a:gd name="connsiteX4" fmla="*/ 812800 w 3604419"/>
              <a:gd name="connsiteY4" fmla="*/ 301571 h 536604"/>
              <a:gd name="connsiteX5" fmla="*/ 1111250 w 3604419"/>
              <a:gd name="connsiteY5" fmla="*/ 3121 h 536604"/>
              <a:gd name="connsiteX6" fmla="*/ 1355725 w 3604419"/>
              <a:gd name="connsiteY6" fmla="*/ 145996 h 536604"/>
              <a:gd name="connsiteX7" fmla="*/ 1724025 w 3604419"/>
              <a:gd name="connsiteY7" fmla="*/ 155521 h 536604"/>
              <a:gd name="connsiteX8" fmla="*/ 1905000 w 3604419"/>
              <a:gd name="connsiteY8" fmla="*/ 152346 h 536604"/>
              <a:gd name="connsiteX9" fmla="*/ 2397125 w 3604419"/>
              <a:gd name="connsiteY9" fmla="*/ 374596 h 536604"/>
              <a:gd name="connsiteX10" fmla="*/ 2717800 w 3604419"/>
              <a:gd name="connsiteY10" fmla="*/ 355546 h 536604"/>
              <a:gd name="connsiteX11" fmla="*/ 3070225 w 3604419"/>
              <a:gd name="connsiteY11" fmla="*/ 384121 h 536604"/>
              <a:gd name="connsiteX12" fmla="*/ 3321050 w 3604419"/>
              <a:gd name="connsiteY12" fmla="*/ 514296 h 536604"/>
              <a:gd name="connsiteX13" fmla="*/ 3604419 w 3604419"/>
              <a:gd name="connsiteY13" fmla="*/ 535728 h 536604"/>
              <a:gd name="connsiteX0" fmla="*/ 0 w 3597275"/>
              <a:gd name="connsiteY0" fmla="*/ 536521 h 536521"/>
              <a:gd name="connsiteX1" fmla="*/ 241300 w 3597275"/>
              <a:gd name="connsiteY1" fmla="*/ 425396 h 536521"/>
              <a:gd name="connsiteX2" fmla="*/ 479425 w 3597275"/>
              <a:gd name="connsiteY2" fmla="*/ 406346 h 536521"/>
              <a:gd name="connsiteX3" fmla="*/ 628650 w 3597275"/>
              <a:gd name="connsiteY3" fmla="*/ 301571 h 536521"/>
              <a:gd name="connsiteX4" fmla="*/ 812800 w 3597275"/>
              <a:gd name="connsiteY4" fmla="*/ 301571 h 536521"/>
              <a:gd name="connsiteX5" fmla="*/ 1111250 w 3597275"/>
              <a:gd name="connsiteY5" fmla="*/ 3121 h 536521"/>
              <a:gd name="connsiteX6" fmla="*/ 1355725 w 3597275"/>
              <a:gd name="connsiteY6" fmla="*/ 145996 h 536521"/>
              <a:gd name="connsiteX7" fmla="*/ 1724025 w 3597275"/>
              <a:gd name="connsiteY7" fmla="*/ 155521 h 536521"/>
              <a:gd name="connsiteX8" fmla="*/ 1905000 w 3597275"/>
              <a:gd name="connsiteY8" fmla="*/ 152346 h 536521"/>
              <a:gd name="connsiteX9" fmla="*/ 2397125 w 3597275"/>
              <a:gd name="connsiteY9" fmla="*/ 374596 h 536521"/>
              <a:gd name="connsiteX10" fmla="*/ 2717800 w 3597275"/>
              <a:gd name="connsiteY10" fmla="*/ 355546 h 536521"/>
              <a:gd name="connsiteX11" fmla="*/ 3070225 w 3597275"/>
              <a:gd name="connsiteY11" fmla="*/ 384121 h 536521"/>
              <a:gd name="connsiteX12" fmla="*/ 3321050 w 3597275"/>
              <a:gd name="connsiteY12" fmla="*/ 514296 h 536521"/>
              <a:gd name="connsiteX13" fmla="*/ 3597275 w 3597275"/>
              <a:gd name="connsiteY13" fmla="*/ 528584 h 536521"/>
              <a:gd name="connsiteX0" fmla="*/ 0 w 3597275"/>
              <a:gd name="connsiteY0" fmla="*/ 536521 h 536521"/>
              <a:gd name="connsiteX1" fmla="*/ 241300 w 3597275"/>
              <a:gd name="connsiteY1" fmla="*/ 425396 h 536521"/>
              <a:gd name="connsiteX2" fmla="*/ 479425 w 3597275"/>
              <a:gd name="connsiteY2" fmla="*/ 406346 h 536521"/>
              <a:gd name="connsiteX3" fmla="*/ 628650 w 3597275"/>
              <a:gd name="connsiteY3" fmla="*/ 301571 h 536521"/>
              <a:gd name="connsiteX4" fmla="*/ 812800 w 3597275"/>
              <a:gd name="connsiteY4" fmla="*/ 301571 h 536521"/>
              <a:gd name="connsiteX5" fmla="*/ 1111250 w 3597275"/>
              <a:gd name="connsiteY5" fmla="*/ 3121 h 536521"/>
              <a:gd name="connsiteX6" fmla="*/ 1355725 w 3597275"/>
              <a:gd name="connsiteY6" fmla="*/ 145996 h 536521"/>
              <a:gd name="connsiteX7" fmla="*/ 1724025 w 3597275"/>
              <a:gd name="connsiteY7" fmla="*/ 155521 h 536521"/>
              <a:gd name="connsiteX8" fmla="*/ 1905000 w 3597275"/>
              <a:gd name="connsiteY8" fmla="*/ 152346 h 536521"/>
              <a:gd name="connsiteX9" fmla="*/ 2397125 w 3597275"/>
              <a:gd name="connsiteY9" fmla="*/ 374596 h 536521"/>
              <a:gd name="connsiteX10" fmla="*/ 2717800 w 3597275"/>
              <a:gd name="connsiteY10" fmla="*/ 355546 h 536521"/>
              <a:gd name="connsiteX11" fmla="*/ 3070225 w 3597275"/>
              <a:gd name="connsiteY11" fmla="*/ 384121 h 536521"/>
              <a:gd name="connsiteX12" fmla="*/ 3309144 w 3597275"/>
              <a:gd name="connsiteY12" fmla="*/ 492865 h 536521"/>
              <a:gd name="connsiteX13" fmla="*/ 3597275 w 3597275"/>
              <a:gd name="connsiteY13" fmla="*/ 528584 h 536521"/>
              <a:gd name="connsiteX0" fmla="*/ 0 w 3597275"/>
              <a:gd name="connsiteY0" fmla="*/ 536890 h 536890"/>
              <a:gd name="connsiteX1" fmla="*/ 241300 w 3597275"/>
              <a:gd name="connsiteY1" fmla="*/ 425765 h 536890"/>
              <a:gd name="connsiteX2" fmla="*/ 479425 w 3597275"/>
              <a:gd name="connsiteY2" fmla="*/ 406715 h 536890"/>
              <a:gd name="connsiteX3" fmla="*/ 628650 w 3597275"/>
              <a:gd name="connsiteY3" fmla="*/ 301940 h 536890"/>
              <a:gd name="connsiteX4" fmla="*/ 812800 w 3597275"/>
              <a:gd name="connsiteY4" fmla="*/ 301940 h 536890"/>
              <a:gd name="connsiteX5" fmla="*/ 1111250 w 3597275"/>
              <a:gd name="connsiteY5" fmla="*/ 3490 h 536890"/>
              <a:gd name="connsiteX6" fmla="*/ 1355725 w 3597275"/>
              <a:gd name="connsiteY6" fmla="*/ 146365 h 536890"/>
              <a:gd name="connsiteX7" fmla="*/ 1685925 w 3597275"/>
              <a:gd name="connsiteY7" fmla="*/ 262570 h 536890"/>
              <a:gd name="connsiteX8" fmla="*/ 1905000 w 3597275"/>
              <a:gd name="connsiteY8" fmla="*/ 152715 h 536890"/>
              <a:gd name="connsiteX9" fmla="*/ 2397125 w 3597275"/>
              <a:gd name="connsiteY9" fmla="*/ 374965 h 536890"/>
              <a:gd name="connsiteX10" fmla="*/ 2717800 w 3597275"/>
              <a:gd name="connsiteY10" fmla="*/ 355915 h 536890"/>
              <a:gd name="connsiteX11" fmla="*/ 3070225 w 3597275"/>
              <a:gd name="connsiteY11" fmla="*/ 384490 h 536890"/>
              <a:gd name="connsiteX12" fmla="*/ 3309144 w 3597275"/>
              <a:gd name="connsiteY12" fmla="*/ 493234 h 536890"/>
              <a:gd name="connsiteX13" fmla="*/ 3597275 w 3597275"/>
              <a:gd name="connsiteY13" fmla="*/ 528953 h 536890"/>
              <a:gd name="connsiteX0" fmla="*/ 0 w 3597275"/>
              <a:gd name="connsiteY0" fmla="*/ 536890 h 536890"/>
              <a:gd name="connsiteX1" fmla="*/ 241300 w 3597275"/>
              <a:gd name="connsiteY1" fmla="*/ 425765 h 536890"/>
              <a:gd name="connsiteX2" fmla="*/ 479425 w 3597275"/>
              <a:gd name="connsiteY2" fmla="*/ 406715 h 536890"/>
              <a:gd name="connsiteX3" fmla="*/ 628650 w 3597275"/>
              <a:gd name="connsiteY3" fmla="*/ 301940 h 536890"/>
              <a:gd name="connsiteX4" fmla="*/ 812800 w 3597275"/>
              <a:gd name="connsiteY4" fmla="*/ 301940 h 536890"/>
              <a:gd name="connsiteX5" fmla="*/ 1111250 w 3597275"/>
              <a:gd name="connsiteY5" fmla="*/ 3490 h 536890"/>
              <a:gd name="connsiteX6" fmla="*/ 1355725 w 3597275"/>
              <a:gd name="connsiteY6" fmla="*/ 146365 h 536890"/>
              <a:gd name="connsiteX7" fmla="*/ 1685925 w 3597275"/>
              <a:gd name="connsiteY7" fmla="*/ 262570 h 536890"/>
              <a:gd name="connsiteX8" fmla="*/ 1874520 w 3597275"/>
              <a:gd name="connsiteY8" fmla="*/ 183195 h 536890"/>
              <a:gd name="connsiteX9" fmla="*/ 2397125 w 3597275"/>
              <a:gd name="connsiteY9" fmla="*/ 374965 h 536890"/>
              <a:gd name="connsiteX10" fmla="*/ 2717800 w 3597275"/>
              <a:gd name="connsiteY10" fmla="*/ 355915 h 536890"/>
              <a:gd name="connsiteX11" fmla="*/ 3070225 w 3597275"/>
              <a:gd name="connsiteY11" fmla="*/ 384490 h 536890"/>
              <a:gd name="connsiteX12" fmla="*/ 3309144 w 3597275"/>
              <a:gd name="connsiteY12" fmla="*/ 493234 h 536890"/>
              <a:gd name="connsiteX13" fmla="*/ 3597275 w 3597275"/>
              <a:gd name="connsiteY13" fmla="*/ 528953 h 536890"/>
              <a:gd name="connsiteX0" fmla="*/ 0 w 3597275"/>
              <a:gd name="connsiteY0" fmla="*/ 537075 h 537075"/>
              <a:gd name="connsiteX1" fmla="*/ 241300 w 3597275"/>
              <a:gd name="connsiteY1" fmla="*/ 425950 h 537075"/>
              <a:gd name="connsiteX2" fmla="*/ 479425 w 3597275"/>
              <a:gd name="connsiteY2" fmla="*/ 406900 h 537075"/>
              <a:gd name="connsiteX3" fmla="*/ 628650 w 3597275"/>
              <a:gd name="connsiteY3" fmla="*/ 302125 h 537075"/>
              <a:gd name="connsiteX4" fmla="*/ 812800 w 3597275"/>
              <a:gd name="connsiteY4" fmla="*/ 302125 h 537075"/>
              <a:gd name="connsiteX5" fmla="*/ 1111250 w 3597275"/>
              <a:gd name="connsiteY5" fmla="*/ 3675 h 537075"/>
              <a:gd name="connsiteX6" fmla="*/ 1355725 w 3597275"/>
              <a:gd name="connsiteY6" fmla="*/ 146550 h 537075"/>
              <a:gd name="connsiteX7" fmla="*/ 1647825 w 3597275"/>
              <a:gd name="connsiteY7" fmla="*/ 308475 h 537075"/>
              <a:gd name="connsiteX8" fmla="*/ 1874520 w 3597275"/>
              <a:gd name="connsiteY8" fmla="*/ 183380 h 537075"/>
              <a:gd name="connsiteX9" fmla="*/ 2397125 w 3597275"/>
              <a:gd name="connsiteY9" fmla="*/ 375150 h 537075"/>
              <a:gd name="connsiteX10" fmla="*/ 2717800 w 3597275"/>
              <a:gd name="connsiteY10" fmla="*/ 356100 h 537075"/>
              <a:gd name="connsiteX11" fmla="*/ 3070225 w 3597275"/>
              <a:gd name="connsiteY11" fmla="*/ 384675 h 537075"/>
              <a:gd name="connsiteX12" fmla="*/ 3309144 w 3597275"/>
              <a:gd name="connsiteY12" fmla="*/ 493419 h 537075"/>
              <a:gd name="connsiteX13" fmla="*/ 3597275 w 3597275"/>
              <a:gd name="connsiteY13" fmla="*/ 529138 h 537075"/>
              <a:gd name="connsiteX0" fmla="*/ 0 w 3597275"/>
              <a:gd name="connsiteY0" fmla="*/ 537075 h 537075"/>
              <a:gd name="connsiteX1" fmla="*/ 241300 w 3597275"/>
              <a:gd name="connsiteY1" fmla="*/ 425950 h 537075"/>
              <a:gd name="connsiteX2" fmla="*/ 479425 w 3597275"/>
              <a:gd name="connsiteY2" fmla="*/ 406900 h 537075"/>
              <a:gd name="connsiteX3" fmla="*/ 628650 w 3597275"/>
              <a:gd name="connsiteY3" fmla="*/ 302125 h 537075"/>
              <a:gd name="connsiteX4" fmla="*/ 812800 w 3597275"/>
              <a:gd name="connsiteY4" fmla="*/ 302125 h 537075"/>
              <a:gd name="connsiteX5" fmla="*/ 1111250 w 3597275"/>
              <a:gd name="connsiteY5" fmla="*/ 3675 h 537075"/>
              <a:gd name="connsiteX6" fmla="*/ 1355725 w 3597275"/>
              <a:gd name="connsiteY6" fmla="*/ 146550 h 537075"/>
              <a:gd name="connsiteX7" fmla="*/ 1647825 w 3597275"/>
              <a:gd name="connsiteY7" fmla="*/ 308475 h 537075"/>
              <a:gd name="connsiteX8" fmla="*/ 1874520 w 3597275"/>
              <a:gd name="connsiteY8" fmla="*/ 267200 h 537075"/>
              <a:gd name="connsiteX9" fmla="*/ 2397125 w 3597275"/>
              <a:gd name="connsiteY9" fmla="*/ 375150 h 537075"/>
              <a:gd name="connsiteX10" fmla="*/ 2717800 w 3597275"/>
              <a:gd name="connsiteY10" fmla="*/ 356100 h 537075"/>
              <a:gd name="connsiteX11" fmla="*/ 3070225 w 3597275"/>
              <a:gd name="connsiteY11" fmla="*/ 384675 h 537075"/>
              <a:gd name="connsiteX12" fmla="*/ 3309144 w 3597275"/>
              <a:gd name="connsiteY12" fmla="*/ 493419 h 537075"/>
              <a:gd name="connsiteX13" fmla="*/ 3597275 w 3597275"/>
              <a:gd name="connsiteY13" fmla="*/ 529138 h 537075"/>
              <a:gd name="connsiteX0" fmla="*/ 0 w 3597275"/>
              <a:gd name="connsiteY0" fmla="*/ 537075 h 537075"/>
              <a:gd name="connsiteX1" fmla="*/ 241300 w 3597275"/>
              <a:gd name="connsiteY1" fmla="*/ 425950 h 537075"/>
              <a:gd name="connsiteX2" fmla="*/ 479425 w 3597275"/>
              <a:gd name="connsiteY2" fmla="*/ 406900 h 537075"/>
              <a:gd name="connsiteX3" fmla="*/ 628650 w 3597275"/>
              <a:gd name="connsiteY3" fmla="*/ 302125 h 537075"/>
              <a:gd name="connsiteX4" fmla="*/ 812800 w 3597275"/>
              <a:gd name="connsiteY4" fmla="*/ 302125 h 537075"/>
              <a:gd name="connsiteX5" fmla="*/ 1111250 w 3597275"/>
              <a:gd name="connsiteY5" fmla="*/ 3675 h 537075"/>
              <a:gd name="connsiteX6" fmla="*/ 1355725 w 3597275"/>
              <a:gd name="connsiteY6" fmla="*/ 146550 h 537075"/>
              <a:gd name="connsiteX7" fmla="*/ 1647825 w 3597275"/>
              <a:gd name="connsiteY7" fmla="*/ 308475 h 537075"/>
              <a:gd name="connsiteX8" fmla="*/ 1874520 w 3597275"/>
              <a:gd name="connsiteY8" fmla="*/ 267200 h 537075"/>
              <a:gd name="connsiteX9" fmla="*/ 2389505 w 3597275"/>
              <a:gd name="connsiteY9" fmla="*/ 512310 h 537075"/>
              <a:gd name="connsiteX10" fmla="*/ 2717800 w 3597275"/>
              <a:gd name="connsiteY10" fmla="*/ 356100 h 537075"/>
              <a:gd name="connsiteX11" fmla="*/ 3070225 w 3597275"/>
              <a:gd name="connsiteY11" fmla="*/ 384675 h 537075"/>
              <a:gd name="connsiteX12" fmla="*/ 3309144 w 3597275"/>
              <a:gd name="connsiteY12" fmla="*/ 493419 h 537075"/>
              <a:gd name="connsiteX13" fmla="*/ 3597275 w 3597275"/>
              <a:gd name="connsiteY13" fmla="*/ 529138 h 537075"/>
              <a:gd name="connsiteX0" fmla="*/ 0 w 3597275"/>
              <a:gd name="connsiteY0" fmla="*/ 537075 h 537075"/>
              <a:gd name="connsiteX1" fmla="*/ 241300 w 3597275"/>
              <a:gd name="connsiteY1" fmla="*/ 425950 h 537075"/>
              <a:gd name="connsiteX2" fmla="*/ 479425 w 3597275"/>
              <a:gd name="connsiteY2" fmla="*/ 406900 h 537075"/>
              <a:gd name="connsiteX3" fmla="*/ 628650 w 3597275"/>
              <a:gd name="connsiteY3" fmla="*/ 302125 h 537075"/>
              <a:gd name="connsiteX4" fmla="*/ 812800 w 3597275"/>
              <a:gd name="connsiteY4" fmla="*/ 302125 h 537075"/>
              <a:gd name="connsiteX5" fmla="*/ 1111250 w 3597275"/>
              <a:gd name="connsiteY5" fmla="*/ 3675 h 537075"/>
              <a:gd name="connsiteX6" fmla="*/ 1355725 w 3597275"/>
              <a:gd name="connsiteY6" fmla="*/ 146550 h 537075"/>
              <a:gd name="connsiteX7" fmla="*/ 1647825 w 3597275"/>
              <a:gd name="connsiteY7" fmla="*/ 308475 h 537075"/>
              <a:gd name="connsiteX8" fmla="*/ 1874520 w 3597275"/>
              <a:gd name="connsiteY8" fmla="*/ 267200 h 537075"/>
              <a:gd name="connsiteX9" fmla="*/ 2397125 w 3597275"/>
              <a:gd name="connsiteY9" fmla="*/ 466590 h 537075"/>
              <a:gd name="connsiteX10" fmla="*/ 2717800 w 3597275"/>
              <a:gd name="connsiteY10" fmla="*/ 356100 h 537075"/>
              <a:gd name="connsiteX11" fmla="*/ 3070225 w 3597275"/>
              <a:gd name="connsiteY11" fmla="*/ 384675 h 537075"/>
              <a:gd name="connsiteX12" fmla="*/ 3309144 w 3597275"/>
              <a:gd name="connsiteY12" fmla="*/ 493419 h 537075"/>
              <a:gd name="connsiteX13" fmla="*/ 3597275 w 3597275"/>
              <a:gd name="connsiteY13" fmla="*/ 529138 h 537075"/>
              <a:gd name="connsiteX0" fmla="*/ 0 w 3597275"/>
              <a:gd name="connsiteY0" fmla="*/ 538340 h 538340"/>
              <a:gd name="connsiteX1" fmla="*/ 241300 w 3597275"/>
              <a:gd name="connsiteY1" fmla="*/ 427215 h 538340"/>
              <a:gd name="connsiteX2" fmla="*/ 479425 w 3597275"/>
              <a:gd name="connsiteY2" fmla="*/ 408165 h 538340"/>
              <a:gd name="connsiteX3" fmla="*/ 628650 w 3597275"/>
              <a:gd name="connsiteY3" fmla="*/ 303390 h 538340"/>
              <a:gd name="connsiteX4" fmla="*/ 828040 w 3597275"/>
              <a:gd name="connsiteY4" fmla="*/ 333870 h 538340"/>
              <a:gd name="connsiteX5" fmla="*/ 1111250 w 3597275"/>
              <a:gd name="connsiteY5" fmla="*/ 4940 h 538340"/>
              <a:gd name="connsiteX6" fmla="*/ 1355725 w 3597275"/>
              <a:gd name="connsiteY6" fmla="*/ 147815 h 538340"/>
              <a:gd name="connsiteX7" fmla="*/ 1647825 w 3597275"/>
              <a:gd name="connsiteY7" fmla="*/ 309740 h 538340"/>
              <a:gd name="connsiteX8" fmla="*/ 1874520 w 3597275"/>
              <a:gd name="connsiteY8" fmla="*/ 268465 h 538340"/>
              <a:gd name="connsiteX9" fmla="*/ 2397125 w 3597275"/>
              <a:gd name="connsiteY9" fmla="*/ 467855 h 538340"/>
              <a:gd name="connsiteX10" fmla="*/ 2717800 w 3597275"/>
              <a:gd name="connsiteY10" fmla="*/ 357365 h 538340"/>
              <a:gd name="connsiteX11" fmla="*/ 3070225 w 3597275"/>
              <a:gd name="connsiteY11" fmla="*/ 385940 h 538340"/>
              <a:gd name="connsiteX12" fmla="*/ 3309144 w 3597275"/>
              <a:gd name="connsiteY12" fmla="*/ 494684 h 538340"/>
              <a:gd name="connsiteX13" fmla="*/ 3597275 w 3597275"/>
              <a:gd name="connsiteY13" fmla="*/ 530403 h 538340"/>
              <a:gd name="connsiteX0" fmla="*/ 0 w 3597275"/>
              <a:gd name="connsiteY0" fmla="*/ 538340 h 538340"/>
              <a:gd name="connsiteX1" fmla="*/ 233680 w 3597275"/>
              <a:gd name="connsiteY1" fmla="*/ 472935 h 538340"/>
              <a:gd name="connsiteX2" fmla="*/ 479425 w 3597275"/>
              <a:gd name="connsiteY2" fmla="*/ 408165 h 538340"/>
              <a:gd name="connsiteX3" fmla="*/ 628650 w 3597275"/>
              <a:gd name="connsiteY3" fmla="*/ 303390 h 538340"/>
              <a:gd name="connsiteX4" fmla="*/ 828040 w 3597275"/>
              <a:gd name="connsiteY4" fmla="*/ 333870 h 538340"/>
              <a:gd name="connsiteX5" fmla="*/ 1111250 w 3597275"/>
              <a:gd name="connsiteY5" fmla="*/ 4940 h 538340"/>
              <a:gd name="connsiteX6" fmla="*/ 1355725 w 3597275"/>
              <a:gd name="connsiteY6" fmla="*/ 147815 h 538340"/>
              <a:gd name="connsiteX7" fmla="*/ 1647825 w 3597275"/>
              <a:gd name="connsiteY7" fmla="*/ 309740 h 538340"/>
              <a:gd name="connsiteX8" fmla="*/ 1874520 w 3597275"/>
              <a:gd name="connsiteY8" fmla="*/ 268465 h 538340"/>
              <a:gd name="connsiteX9" fmla="*/ 2397125 w 3597275"/>
              <a:gd name="connsiteY9" fmla="*/ 467855 h 538340"/>
              <a:gd name="connsiteX10" fmla="*/ 2717800 w 3597275"/>
              <a:gd name="connsiteY10" fmla="*/ 357365 h 538340"/>
              <a:gd name="connsiteX11" fmla="*/ 3070225 w 3597275"/>
              <a:gd name="connsiteY11" fmla="*/ 385940 h 538340"/>
              <a:gd name="connsiteX12" fmla="*/ 3309144 w 3597275"/>
              <a:gd name="connsiteY12" fmla="*/ 494684 h 538340"/>
              <a:gd name="connsiteX13" fmla="*/ 3597275 w 3597275"/>
              <a:gd name="connsiteY13" fmla="*/ 530403 h 538340"/>
              <a:gd name="connsiteX0" fmla="*/ 0 w 3597275"/>
              <a:gd name="connsiteY0" fmla="*/ 501595 h 501595"/>
              <a:gd name="connsiteX1" fmla="*/ 233680 w 3597275"/>
              <a:gd name="connsiteY1" fmla="*/ 436190 h 501595"/>
              <a:gd name="connsiteX2" fmla="*/ 479425 w 3597275"/>
              <a:gd name="connsiteY2" fmla="*/ 371420 h 501595"/>
              <a:gd name="connsiteX3" fmla="*/ 628650 w 3597275"/>
              <a:gd name="connsiteY3" fmla="*/ 266645 h 501595"/>
              <a:gd name="connsiteX4" fmla="*/ 828040 w 3597275"/>
              <a:gd name="connsiteY4" fmla="*/ 297125 h 501595"/>
              <a:gd name="connsiteX5" fmla="*/ 1103630 w 3597275"/>
              <a:gd name="connsiteY5" fmla="*/ 6295 h 501595"/>
              <a:gd name="connsiteX6" fmla="*/ 1355725 w 3597275"/>
              <a:gd name="connsiteY6" fmla="*/ 111070 h 501595"/>
              <a:gd name="connsiteX7" fmla="*/ 1647825 w 3597275"/>
              <a:gd name="connsiteY7" fmla="*/ 272995 h 501595"/>
              <a:gd name="connsiteX8" fmla="*/ 1874520 w 3597275"/>
              <a:gd name="connsiteY8" fmla="*/ 231720 h 501595"/>
              <a:gd name="connsiteX9" fmla="*/ 2397125 w 3597275"/>
              <a:gd name="connsiteY9" fmla="*/ 431110 h 501595"/>
              <a:gd name="connsiteX10" fmla="*/ 2717800 w 3597275"/>
              <a:gd name="connsiteY10" fmla="*/ 320620 h 501595"/>
              <a:gd name="connsiteX11" fmla="*/ 3070225 w 3597275"/>
              <a:gd name="connsiteY11" fmla="*/ 349195 h 501595"/>
              <a:gd name="connsiteX12" fmla="*/ 3309144 w 3597275"/>
              <a:gd name="connsiteY12" fmla="*/ 457939 h 501595"/>
              <a:gd name="connsiteX13" fmla="*/ 3597275 w 3597275"/>
              <a:gd name="connsiteY13" fmla="*/ 493658 h 50159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</a:cxnLst>
            <a:rect l="l" t="t" r="r" b="b"/>
            <a:pathLst>
              <a:path w="3597275" h="501595">
                <a:moveTo>
                  <a:pt x="0" y="501595"/>
                </a:moveTo>
                <a:cubicBezTo>
                  <a:pt x="80698" y="462172"/>
                  <a:pt x="153776" y="457886"/>
                  <a:pt x="233680" y="436190"/>
                </a:cubicBezTo>
                <a:cubicBezTo>
                  <a:pt x="313584" y="414494"/>
                  <a:pt x="413597" y="399677"/>
                  <a:pt x="479425" y="371420"/>
                </a:cubicBezTo>
                <a:cubicBezTo>
                  <a:pt x="545253" y="343163"/>
                  <a:pt x="570547" y="279028"/>
                  <a:pt x="628650" y="266645"/>
                </a:cubicBezTo>
                <a:cubicBezTo>
                  <a:pt x="686753" y="254262"/>
                  <a:pt x="748877" y="340517"/>
                  <a:pt x="828040" y="297125"/>
                </a:cubicBezTo>
                <a:cubicBezTo>
                  <a:pt x="907203" y="253733"/>
                  <a:pt x="1015683" y="37304"/>
                  <a:pt x="1103630" y="6295"/>
                </a:cubicBezTo>
                <a:cubicBezTo>
                  <a:pt x="1191578" y="-24714"/>
                  <a:pt x="1265026" y="66620"/>
                  <a:pt x="1355725" y="111070"/>
                </a:cubicBezTo>
                <a:cubicBezTo>
                  <a:pt x="1446424" y="155520"/>
                  <a:pt x="1561359" y="252887"/>
                  <a:pt x="1647825" y="272995"/>
                </a:cubicBezTo>
                <a:cubicBezTo>
                  <a:pt x="1734291" y="293103"/>
                  <a:pt x="1749637" y="205368"/>
                  <a:pt x="1874520" y="231720"/>
                </a:cubicBezTo>
                <a:cubicBezTo>
                  <a:pt x="1999403" y="258072"/>
                  <a:pt x="2256578" y="416293"/>
                  <a:pt x="2397125" y="431110"/>
                </a:cubicBezTo>
                <a:cubicBezTo>
                  <a:pt x="2537672" y="445927"/>
                  <a:pt x="2605617" y="334273"/>
                  <a:pt x="2717800" y="320620"/>
                </a:cubicBezTo>
                <a:cubicBezTo>
                  <a:pt x="2829983" y="306967"/>
                  <a:pt x="2971668" y="326309"/>
                  <a:pt x="3070225" y="349195"/>
                </a:cubicBezTo>
                <a:cubicBezTo>
                  <a:pt x="3168782" y="372082"/>
                  <a:pt x="3221302" y="433862"/>
                  <a:pt x="3309144" y="457939"/>
                </a:cubicBezTo>
                <a:cubicBezTo>
                  <a:pt x="3396986" y="482016"/>
                  <a:pt x="3453342" y="495245"/>
                  <a:pt x="3597275" y="493658"/>
                </a:cubicBezTo>
              </a:path>
            </a:pathLst>
          </a:custGeom>
          <a:solidFill>
            <a:schemeClr val="accent3">
              <a:lumMod val="75000"/>
            </a:schemeClr>
          </a:solidFill>
          <a:ln w="25400">
            <a:solidFill>
              <a:schemeClr val="accent3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96849038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path" presetSubtype="0" accel="50000" decel="5000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2.29167E-6 -7.40741E-7 L 0.30638 0.30671 " pathEditMode="fixed" rAng="0" ptsTypes="AA">
                                      <p:cBhvr>
                                        <p:cTn id="6" dur="400" fill="hold"/>
                                        <p:tgtEl>
                                          <p:spTgt spid="55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15313" y="15324"/>
                                    </p:animMotion>
                                  </p:childTnLst>
                                </p:cTn>
                              </p:par>
                              <p:par>
                                <p:cTn id="7" presetID="42" presetClass="path" presetSubtype="0" accel="50000" decel="5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2.70833E-6 -2.59259E-6 L -0.00039 0.30556 " pathEditMode="fixed" rAng="0" ptsTypes="AA">
                                      <p:cBhvr>
                                        <p:cTn id="8" dur="400" fill="hold"/>
                                        <p:tgtEl>
                                          <p:spTgt spid="57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26" y="15278"/>
                                    </p:animMotion>
                                  </p:childTnLst>
                                </p:cTn>
                              </p:par>
                              <p:par>
                                <p:cTn id="9" presetID="42" presetClass="path" presetSubtype="0" accel="50000" decel="5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3.95833E-6 1.48148E-6 L -0.30873 0.30764 " pathEditMode="fixed" rAng="0" ptsTypes="AA">
                                      <p:cBhvr>
                                        <p:cTn id="10" dur="400" fill="hold"/>
                                        <p:tgtEl>
                                          <p:spTgt spid="61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15443" y="15370"/>
                                    </p:animMotion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4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3" grpId="0" animBg="1"/>
      <p:bldP spid="46" grpId="0"/>
      <p:bldP spid="55" grpId="0" animBg="1"/>
      <p:bldP spid="57" grpId="0" animBg="1"/>
      <p:bldP spid="61" grpId="0" animBg="1"/>
      <p:bldP spid="13" grpId="0" animBg="1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smtClean="0"/>
              <a:t>Reconstruction (low resolution)</a:t>
            </a:r>
            <a:endParaRPr lang="de-DE" dirty="0"/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47108" y="1691322"/>
            <a:ext cx="6511637" cy="48160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4476491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8282" y="2166428"/>
            <a:ext cx="2526763" cy="2526763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55477" y="2178150"/>
            <a:ext cx="2526763" cy="2526763"/>
          </a:xfrm>
          <a:prstGeom prst="rect">
            <a:avLst/>
          </a:prstGeom>
        </p:spPr>
      </p:pic>
      <p:pic>
        <p:nvPicPr>
          <p:cNvPr id="14" name="Picture 13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33930" y="2178150"/>
            <a:ext cx="2526763" cy="2526763"/>
          </a:xfrm>
          <a:prstGeom prst="rect">
            <a:avLst/>
          </a:prstGeom>
        </p:spPr>
      </p:pic>
      <p:pic>
        <p:nvPicPr>
          <p:cNvPr id="15" name="Picture 14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331125" y="2178151"/>
            <a:ext cx="2526763" cy="2526763"/>
          </a:xfrm>
          <a:prstGeom prst="rect">
            <a:avLst/>
          </a:prstGeom>
        </p:spPr>
      </p:pic>
      <p:sp>
        <p:nvSpPr>
          <p:cNvPr id="16" name="Right Arrow 15"/>
          <p:cNvSpPr/>
          <p:nvPr/>
        </p:nvSpPr>
        <p:spPr>
          <a:xfrm>
            <a:off x="2919154" y="2928060"/>
            <a:ext cx="283915" cy="1026942"/>
          </a:xfrm>
          <a:prstGeom prst="rightArrow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7" name="Right Arrow 16"/>
          <p:cNvSpPr/>
          <p:nvPr/>
        </p:nvSpPr>
        <p:spPr>
          <a:xfrm>
            <a:off x="5966127" y="2916338"/>
            <a:ext cx="283915" cy="1026942"/>
          </a:xfrm>
          <a:prstGeom prst="rightArrow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8" name="Right Arrow 17"/>
          <p:cNvSpPr/>
          <p:nvPr/>
        </p:nvSpPr>
        <p:spPr>
          <a:xfrm>
            <a:off x="8953951" y="2928060"/>
            <a:ext cx="283915" cy="1026942"/>
          </a:xfrm>
          <a:prstGeom prst="rightArrow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63390598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35" name="OTLSHAPE_T_9c16c0db4d0942ed8ac6543cb2bffeb6_RightVerticalConnector1"/>
          <p:cNvCxnSpPr/>
          <p:nvPr>
            <p:custDataLst>
              <p:tags r:id="rId2"/>
            </p:custDataLst>
          </p:nvPr>
        </p:nvCxnSpPr>
        <p:spPr>
          <a:xfrm>
            <a:off x="8950096" y="4373457"/>
            <a:ext cx="0" cy="7700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3" name="OTLSHAPE_T_4bde51a17f5d4f9bb23740a882d577df_RightVerticalConnector1"/>
          <p:cNvCxnSpPr/>
          <p:nvPr>
            <p:custDataLst>
              <p:tags r:id="rId3"/>
            </p:custDataLst>
          </p:nvPr>
        </p:nvCxnSpPr>
        <p:spPr>
          <a:xfrm>
            <a:off x="7351802" y="4106757"/>
            <a:ext cx="0" cy="10367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2" name="OTLSHAPE_T_4bde51a17f5d4f9bb23740a882d577df_LeftVerticalConnector1"/>
          <p:cNvCxnSpPr/>
          <p:nvPr>
            <p:custDataLst>
              <p:tags r:id="rId4"/>
            </p:custDataLst>
          </p:nvPr>
        </p:nvCxnSpPr>
        <p:spPr>
          <a:xfrm>
            <a:off x="5753509" y="4106757"/>
            <a:ext cx="0" cy="10367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9" name="OTLSHAPE_T_12b168a1a3f94dc8881067d3eb83535e_RightVerticalConnector2"/>
          <p:cNvCxnSpPr/>
          <p:nvPr>
            <p:custDataLst>
              <p:tags r:id="rId5"/>
            </p:custDataLst>
          </p:nvPr>
        </p:nvCxnSpPr>
        <p:spPr>
          <a:xfrm>
            <a:off x="5525182" y="3840057"/>
            <a:ext cx="0" cy="13034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8" name="OTLSHAPE_T_12b168a1a3f94dc8881067d3eb83535e_RightVerticalConnector1"/>
          <p:cNvCxnSpPr/>
          <p:nvPr>
            <p:custDataLst>
              <p:tags r:id="rId6"/>
            </p:custDataLst>
          </p:nvPr>
        </p:nvCxnSpPr>
        <p:spPr>
          <a:xfrm>
            <a:off x="5525182" y="3573357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6" name="OTLSHAPE_T_0b75deec95a44b0fbed4c17bb2641537_RightVerticalConnector2"/>
          <p:cNvCxnSpPr/>
          <p:nvPr>
            <p:custDataLst>
              <p:tags r:id="rId7"/>
            </p:custDataLst>
          </p:nvPr>
        </p:nvCxnSpPr>
        <p:spPr>
          <a:xfrm>
            <a:off x="3356069" y="3573357"/>
            <a:ext cx="0" cy="15701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5" name="OTLSHAPE_T_0b75deec95a44b0fbed4c17bb2641537_RightVerticalConnector1"/>
          <p:cNvCxnSpPr/>
          <p:nvPr>
            <p:custDataLst>
              <p:tags r:id="rId8"/>
            </p:custDataLst>
          </p:nvPr>
        </p:nvCxnSpPr>
        <p:spPr>
          <a:xfrm>
            <a:off x="3356069" y="3306657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9" name="OTLSHAPE_T_94154743302c4f77886b7a5f455a6fc5_RightVerticalConnector2"/>
          <p:cNvCxnSpPr/>
          <p:nvPr>
            <p:custDataLst>
              <p:tags r:id="rId9"/>
            </p:custDataLst>
          </p:nvPr>
        </p:nvCxnSpPr>
        <p:spPr>
          <a:xfrm>
            <a:off x="2556922" y="2971038"/>
            <a:ext cx="0" cy="217246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8" name="OTLSHAPE_T_94154743302c4f77886b7a5f455a6fc5_RightVerticalConnector1"/>
          <p:cNvCxnSpPr/>
          <p:nvPr>
            <p:custDataLst>
              <p:tags r:id="rId10"/>
            </p:custDataLst>
          </p:nvPr>
        </p:nvCxnSpPr>
        <p:spPr>
          <a:xfrm>
            <a:off x="2556922" y="2635419"/>
            <a:ext cx="0" cy="1324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7" name="OTLSHAPE_T_94154743302c4f77886b7a5f455a6fc5_LeftVerticalConnector3"/>
          <p:cNvCxnSpPr/>
          <p:nvPr>
            <p:custDataLst>
              <p:tags r:id="rId11"/>
            </p:custDataLst>
          </p:nvPr>
        </p:nvCxnSpPr>
        <p:spPr>
          <a:xfrm>
            <a:off x="1757776" y="3290316"/>
            <a:ext cx="0" cy="185318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6" name="OTLSHAPE_T_94154743302c4f77886b7a5f455a6fc5_LeftVerticalConnector2"/>
          <p:cNvCxnSpPr/>
          <p:nvPr>
            <p:custDataLst>
              <p:tags r:id="rId12"/>
            </p:custDataLst>
          </p:nvPr>
        </p:nvCxnSpPr>
        <p:spPr>
          <a:xfrm>
            <a:off x="1757776" y="2971038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5" name="OTLSHAPE_T_94154743302c4f77886b7a5f455a6fc5_LeftVerticalConnector1"/>
          <p:cNvCxnSpPr/>
          <p:nvPr>
            <p:custDataLst>
              <p:tags r:id="rId13"/>
            </p:custDataLst>
          </p:nvPr>
        </p:nvCxnSpPr>
        <p:spPr>
          <a:xfrm>
            <a:off x="1757776" y="2635419"/>
            <a:ext cx="0" cy="1324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4" name="OTLSHAPE_M_0d88f00129004b7e998accb9be00b35e_Connector1"/>
          <p:cNvCxnSpPr/>
          <p:nvPr>
            <p:custDataLst>
              <p:tags r:id="rId14"/>
            </p:custDataLst>
          </p:nvPr>
        </p:nvCxnSpPr>
        <p:spPr>
          <a:xfrm>
            <a:off x="9869756" y="4694978"/>
            <a:ext cx="0" cy="448522"/>
          </a:xfrm>
          <a:prstGeom prst="line">
            <a:avLst/>
          </a:prstGeom>
          <a:ln w="9525" cap="flat" cmpd="sng" algn="ctr">
            <a:solidFill>
              <a:srgbClr val="B20E12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3" name="OTLSHAPE_M_9e6e9356bc8d47778c8efda0be0d87f9_Connector1"/>
          <p:cNvCxnSpPr/>
          <p:nvPr>
            <p:custDataLst>
              <p:tags r:id="rId15"/>
            </p:custDataLst>
          </p:nvPr>
        </p:nvCxnSpPr>
        <p:spPr>
          <a:xfrm>
            <a:off x="5874023" y="4694978"/>
            <a:ext cx="0" cy="448522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7" name="OTLSHAPE_TB_00000000000000000000000000000000_ElapsedTimeExtension"/>
          <p:cNvSpPr/>
          <p:nvPr>
            <p:custDataLst>
              <p:tags r:id="rId16"/>
            </p:custDataLst>
          </p:nvPr>
        </p:nvSpPr>
        <p:spPr>
          <a:xfrm>
            <a:off x="844465" y="2432219"/>
            <a:ext cx="4876800" cy="2711281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" name="Title 1"/>
          <p:cNvSpPr txBox="1">
            <a:spLocks/>
          </p:cNvSpPr>
          <p:nvPr/>
        </p:nvSpPr>
        <p:spPr>
          <a:xfrm>
            <a:off x="845127" y="365760"/>
            <a:ext cx="10515600" cy="1325562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 cap="all" baseline="0">
                <a:solidFill>
                  <a:schemeClr val="tx1"/>
                </a:solidFill>
                <a:latin typeface="Tw Cen MT Condensed" panose="020B0606020104020203" pitchFamily="34" charset="0"/>
                <a:ea typeface="+mj-ea"/>
                <a:cs typeface="+mj-cs"/>
              </a:defRPr>
            </a:lvl1pPr>
          </a:lstStyle>
          <a:p>
            <a:r>
              <a:rPr lang="de-DE" dirty="0" smtClean="0"/>
              <a:t>schedule</a:t>
            </a:r>
            <a:endParaRPr lang="de-DE" dirty="0"/>
          </a:p>
        </p:txBody>
      </p:sp>
      <p:sp>
        <p:nvSpPr>
          <p:cNvPr id="203" name="OTLSHAPE_TB_00000000000000000000000000000000_LeftEndCaps" hidden="1"/>
          <p:cNvSpPr txBox="1"/>
          <p:nvPr>
            <p:custDataLst>
              <p:tags r:id="rId17"/>
            </p:custDataLst>
          </p:nvPr>
        </p:nvSpPr>
        <p:spPr>
          <a:xfrm>
            <a:off x="254000" y="5194469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US" b="1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04" name="OTLSHAPE_TB_00000000000000000000000000000000_RightEndCaps" hidden="1"/>
          <p:cNvSpPr txBox="1"/>
          <p:nvPr>
            <p:custDataLst>
              <p:tags r:id="rId18"/>
            </p:custDataLst>
          </p:nvPr>
        </p:nvSpPr>
        <p:spPr>
          <a:xfrm>
            <a:off x="11474534" y="5194469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US" b="1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05" name="OTLSHAPE_TB_00000000000000000000000000000000_ScaleContainer"/>
          <p:cNvSpPr/>
          <p:nvPr>
            <p:custDataLst>
              <p:tags r:id="rId19"/>
            </p:custDataLst>
          </p:nvPr>
        </p:nvSpPr>
        <p:spPr>
          <a:xfrm>
            <a:off x="844465" y="5143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100000">
                <a:srgbClr val="B2B2B2"/>
              </a:gs>
              <a:gs pos="50000">
                <a:srgbClr val="F2F2F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6" name="OTLSHAPE_TB_00000000000000000000000000000000_ElapsedTime"/>
          <p:cNvSpPr/>
          <p:nvPr>
            <p:custDataLst>
              <p:tags r:id="rId20"/>
            </p:custDataLst>
          </p:nvPr>
        </p:nvSpPr>
        <p:spPr>
          <a:xfrm>
            <a:off x="844465" y="5143500"/>
            <a:ext cx="4876800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8" name="OTLSHAPE_TB_00000000000000000000000000000000_TodayMarkerShape"/>
          <p:cNvSpPr/>
          <p:nvPr>
            <p:custDataLst>
              <p:tags r:id="rId21"/>
            </p:custDataLst>
          </p:nvPr>
        </p:nvSpPr>
        <p:spPr>
          <a:xfrm>
            <a:off x="5660236" y="5524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0" name="OTLSHAPE_TB_00000000000000000000000000000000_TimescaleInterval1"/>
          <p:cNvSpPr txBox="1"/>
          <p:nvPr>
            <p:custDataLst>
              <p:tags r:id="rId22"/>
            </p:custDataLst>
          </p:nvPr>
        </p:nvSpPr>
        <p:spPr>
          <a:xfrm>
            <a:off x="907965" y="5240972"/>
            <a:ext cx="254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211" name="OTLSHAPE_TB_00000000000000000000000000000000_TimescaleInterval2"/>
          <p:cNvSpPr txBox="1"/>
          <p:nvPr>
            <p:custDataLst>
              <p:tags r:id="rId23"/>
            </p:custDataLst>
          </p:nvPr>
        </p:nvSpPr>
        <p:spPr>
          <a:xfrm>
            <a:off x="4447044" y="5240972"/>
            <a:ext cx="228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dk1"/>
                </a:solidFill>
                <a:latin typeface="Calibri" panose="020F0502020204030204" pitchFamily="34" charset="0"/>
              </a:rPr>
              <a:t>Apr</a:t>
            </a:r>
            <a:endParaRPr lang="en-US" sz="1200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2" name="OTLSHAPE_TB_00000000000000000000000000000000_TimescaleInterval3"/>
          <p:cNvSpPr txBox="1"/>
          <p:nvPr>
            <p:custDataLst>
              <p:tags r:id="rId24"/>
            </p:custDataLst>
          </p:nvPr>
        </p:nvSpPr>
        <p:spPr>
          <a:xfrm>
            <a:off x="7871957" y="5240972"/>
            <a:ext cx="385352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dk1"/>
                </a:solidFill>
                <a:latin typeface="Calibri" panose="020F0502020204030204" pitchFamily="34" charset="0"/>
              </a:rPr>
              <a:t>May</a:t>
            </a:r>
            <a:endParaRPr lang="en-US" sz="1200" spc="-2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220" name="OTLSHAPE_T_e77c7784a9cc4f0fb12e638c2e46ed30_LeftVerticalConnector1" hidden="1"/>
          <p:cNvCxnSpPr/>
          <p:nvPr>
            <p:custDataLst>
              <p:tags r:id="rId25"/>
            </p:custDataLst>
          </p:nvPr>
        </p:nvCxnSpPr>
        <p:spPr>
          <a:xfrm>
            <a:off x="1757776" y="2971038"/>
            <a:ext cx="0" cy="14875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1" name="OTLSHAPE_T_e77c7784a9cc4f0fb12e638c2e46ed30_LeftVerticalConnector2" hidden="1"/>
          <p:cNvCxnSpPr/>
          <p:nvPr>
            <p:custDataLst>
              <p:tags r:id="rId26"/>
            </p:custDataLst>
          </p:nvPr>
        </p:nvCxnSpPr>
        <p:spPr>
          <a:xfrm>
            <a:off x="1757776" y="3290316"/>
            <a:ext cx="0" cy="1853184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2" name="OTLSHAPE_T_e77c7784a9cc4f0fb12e638c2e46ed30_RightVerticalConnector1" hidden="1"/>
          <p:cNvCxnSpPr/>
          <p:nvPr>
            <p:custDataLst>
              <p:tags r:id="rId27"/>
            </p:custDataLst>
          </p:nvPr>
        </p:nvCxnSpPr>
        <p:spPr>
          <a:xfrm>
            <a:off x="2556922" y="2971038"/>
            <a:ext cx="0" cy="2172462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3" name="OTLSHAPE_T_0b75deec95a44b0fbed4c17bb2641537_LeftVerticalConnector1" hidden="1"/>
          <p:cNvCxnSpPr/>
          <p:nvPr>
            <p:custDataLst>
              <p:tags r:id="rId28"/>
            </p:custDataLst>
          </p:nvPr>
        </p:nvCxnSpPr>
        <p:spPr>
          <a:xfrm>
            <a:off x="2556922" y="3306657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4" name="OTLSHAPE_T_0b75deec95a44b0fbed4c17bb2641537_LeftVerticalConnector2" hidden="1"/>
          <p:cNvCxnSpPr/>
          <p:nvPr>
            <p:custDataLst>
              <p:tags r:id="rId29"/>
            </p:custDataLst>
          </p:nvPr>
        </p:nvCxnSpPr>
        <p:spPr>
          <a:xfrm>
            <a:off x="2556922" y="3573357"/>
            <a:ext cx="0" cy="1570143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7" name="OTLSHAPE_T_12b168a1a3f94dc8881067d3eb83535e_LeftVerticalConnector1" hidden="1"/>
          <p:cNvCxnSpPr/>
          <p:nvPr>
            <p:custDataLst>
              <p:tags r:id="rId30"/>
            </p:custDataLst>
          </p:nvPr>
        </p:nvCxnSpPr>
        <p:spPr>
          <a:xfrm>
            <a:off x="2556922" y="3573357"/>
            <a:ext cx="0" cy="1570143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0" name="OTLSHAPE_T_f1fca90e528d4ed6b03a6afd8abf4748_LeftVerticalConnector1" hidden="1"/>
          <p:cNvCxnSpPr/>
          <p:nvPr>
            <p:custDataLst>
              <p:tags r:id="rId31"/>
            </p:custDataLst>
          </p:nvPr>
        </p:nvCxnSpPr>
        <p:spPr>
          <a:xfrm>
            <a:off x="3356069" y="3840057"/>
            <a:ext cx="0" cy="1303443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1" name="OTLSHAPE_T_f1fca90e528d4ed6b03a6afd8abf4748_RightVerticalConnector1" hidden="1"/>
          <p:cNvCxnSpPr/>
          <p:nvPr>
            <p:custDataLst>
              <p:tags r:id="rId32"/>
            </p:custDataLst>
          </p:nvPr>
        </p:nvCxnSpPr>
        <p:spPr>
          <a:xfrm>
            <a:off x="5525182" y="3840057"/>
            <a:ext cx="0" cy="1303443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4" name="OTLSHAPE_T_9c16c0db4d0942ed8ac6543cb2bffeb6_LeftVerticalConnector1" hidden="1"/>
          <p:cNvCxnSpPr/>
          <p:nvPr>
            <p:custDataLst>
              <p:tags r:id="rId33"/>
            </p:custDataLst>
          </p:nvPr>
        </p:nvCxnSpPr>
        <p:spPr>
          <a:xfrm>
            <a:off x="7351802" y="4373457"/>
            <a:ext cx="0" cy="770043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6" name="OTLSHAPE_M_9e6e9356bc8d47778c8efda0be0d87f9_Title"/>
          <p:cNvSpPr txBox="1"/>
          <p:nvPr>
            <p:custDataLst>
              <p:tags r:id="rId34"/>
            </p:custDataLst>
          </p:nvPr>
        </p:nvSpPr>
        <p:spPr>
          <a:xfrm>
            <a:off x="6096273" y="4576657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Project Updates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37" name="OTLSHAPE_M_9e6e9356bc8d47778c8efda0be0d87f9_Date"/>
          <p:cNvSpPr txBox="1"/>
          <p:nvPr>
            <p:custDataLst>
              <p:tags r:id="rId35"/>
            </p:custDataLst>
          </p:nvPr>
        </p:nvSpPr>
        <p:spPr>
          <a:xfrm>
            <a:off x="6096273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3/4/2015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38" name="OTLSHAPE_M_9e6e9356bc8d47778c8efda0be0d87f9_Shape"/>
          <p:cNvSpPr/>
          <p:nvPr>
            <p:custDataLst>
              <p:tags r:id="rId36"/>
            </p:custDataLst>
          </p:nvPr>
        </p:nvSpPr>
        <p:spPr>
          <a:xfrm rot="16200000">
            <a:off x="5899423" y="4694978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" name="OTLSHAPE_M_0d88f00129004b7e998accb9be00b35e_Title"/>
          <p:cNvSpPr txBox="1"/>
          <p:nvPr>
            <p:custDataLst>
              <p:tags r:id="rId37"/>
            </p:custDataLst>
          </p:nvPr>
        </p:nvSpPr>
        <p:spPr>
          <a:xfrm>
            <a:off x="10092006" y="4576657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roject Demo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40" name="OTLSHAPE_M_0d88f00129004b7e998accb9be00b35e_Date"/>
          <p:cNvSpPr txBox="1"/>
          <p:nvPr>
            <p:custDataLst>
              <p:tags r:id="rId38"/>
            </p:custDataLst>
          </p:nvPr>
        </p:nvSpPr>
        <p:spPr>
          <a:xfrm>
            <a:off x="10092006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8/5/2015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41" name="OTLSHAPE_M_0d88f00129004b7e998accb9be00b35e_Shape"/>
          <p:cNvSpPr/>
          <p:nvPr>
            <p:custDataLst>
              <p:tags r:id="rId39"/>
            </p:custDataLst>
          </p:nvPr>
        </p:nvSpPr>
        <p:spPr>
          <a:xfrm rot="16200000">
            <a:off x="9895156" y="4694978"/>
            <a:ext cx="165100" cy="165100"/>
          </a:xfrm>
          <a:prstGeom prst="flowChartMerge">
            <a:avLst/>
          </a:prstGeom>
          <a:solidFill>
            <a:srgbClr val="B20E12"/>
          </a:solidFill>
          <a:ln w="127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2" name="OTLSHAPE_T_94154743302c4f77886b7a5f455a6fc5_Shape"/>
          <p:cNvSpPr/>
          <p:nvPr>
            <p:custDataLst>
              <p:tags r:id="rId40"/>
            </p:custDataLst>
          </p:nvPr>
        </p:nvSpPr>
        <p:spPr>
          <a:xfrm>
            <a:off x="1757776" y="2432219"/>
            <a:ext cx="8001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3" name="OTLSHAPE_T_94154743302c4f77886b7a5f455a6fc5_ShapePercentage" hidden="1"/>
          <p:cNvSpPr/>
          <p:nvPr>
            <p:custDataLst>
              <p:tags r:id="rId41"/>
            </p:custDataLst>
          </p:nvPr>
        </p:nvSpPr>
        <p:spPr>
          <a:xfrm>
            <a:off x="1757776" y="243221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4" name="OTLSHAPE_T_94154743302c4f77886b7a5f455a6fc5_Duration" hidden="1"/>
          <p:cNvSpPr txBox="1"/>
          <p:nvPr>
            <p:custDataLst>
              <p:tags r:id="rId42"/>
            </p:custDataLst>
          </p:nvPr>
        </p:nvSpPr>
        <p:spPr>
          <a:xfrm>
            <a:off x="0" y="2432219"/>
            <a:ext cx="3175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5 tage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45" name="OTLSHAPE_T_94154743302c4f77886b7a5f455a6fc5_TextPercentage" hidden="1"/>
          <p:cNvSpPr txBox="1"/>
          <p:nvPr>
            <p:custDataLst>
              <p:tags r:id="rId43"/>
            </p:custDataLst>
          </p:nvPr>
        </p:nvSpPr>
        <p:spPr>
          <a:xfrm>
            <a:off x="0" y="258724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46" name="OTLSHAPE_T_94154743302c4f77886b7a5f455a6fc5_StartDate" hidden="1"/>
          <p:cNvSpPr txBox="1"/>
          <p:nvPr>
            <p:custDataLst>
              <p:tags r:id="rId44"/>
            </p:custDataLst>
          </p:nvPr>
        </p:nvSpPr>
        <p:spPr>
          <a:xfrm>
            <a:off x="0" y="258724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47" name="OTLSHAPE_T_94154743302c4f77886b7a5f455a6fc5_EndDate" hidden="1"/>
          <p:cNvSpPr txBox="1"/>
          <p:nvPr>
            <p:custDataLst>
              <p:tags r:id="rId45"/>
            </p:custDataLst>
          </p:nvPr>
        </p:nvSpPr>
        <p:spPr>
          <a:xfrm>
            <a:off x="0" y="258724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48" name="OTLSHAPE_T_94154743302c4f77886b7a5f455a6fc5_Title"/>
          <p:cNvSpPr txBox="1"/>
          <p:nvPr>
            <p:custDataLst>
              <p:tags r:id="rId46"/>
            </p:custDataLst>
          </p:nvPr>
        </p:nvSpPr>
        <p:spPr>
          <a:xfrm>
            <a:off x="119941" y="2448560"/>
            <a:ext cx="1587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simulation of camera signal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49" name="OTLSHAPE_T_94154743302c4f77886b7a5f455a6fc5_JoinedDate"/>
          <p:cNvSpPr txBox="1"/>
          <p:nvPr>
            <p:custDataLst>
              <p:tags r:id="rId47"/>
            </p:custDataLst>
          </p:nvPr>
        </p:nvSpPr>
        <p:spPr>
          <a:xfrm>
            <a:off x="2607722" y="2456307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9/3/2015 - 15/3/2015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0" name="OTLSHAPE_T_e77c7784a9cc4f0fb12e638c2e46ed30_Shape"/>
          <p:cNvSpPr/>
          <p:nvPr>
            <p:custDataLst>
              <p:tags r:id="rId48"/>
            </p:custDataLst>
          </p:nvPr>
        </p:nvSpPr>
        <p:spPr>
          <a:xfrm>
            <a:off x="1757776" y="2767838"/>
            <a:ext cx="8001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1" name="OTLSHAPE_T_e77c7784a9cc4f0fb12e638c2e46ed30_ShapePercentage" hidden="1"/>
          <p:cNvSpPr/>
          <p:nvPr>
            <p:custDataLst>
              <p:tags r:id="rId49"/>
            </p:custDataLst>
          </p:nvPr>
        </p:nvSpPr>
        <p:spPr>
          <a:xfrm>
            <a:off x="1757776" y="2767838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2" name="OTLSHAPE_T_e77c7784a9cc4f0fb12e638c2e46ed30_Duration" hidden="1"/>
          <p:cNvSpPr txBox="1"/>
          <p:nvPr>
            <p:custDataLst>
              <p:tags r:id="rId50"/>
            </p:custDataLst>
          </p:nvPr>
        </p:nvSpPr>
        <p:spPr>
          <a:xfrm>
            <a:off x="0" y="2698919"/>
            <a:ext cx="3175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5 tage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53" name="OTLSHAPE_T_e77c7784a9cc4f0fb12e638c2e46ed30_TextPercentage" hidden="1"/>
          <p:cNvSpPr txBox="1"/>
          <p:nvPr>
            <p:custDataLst>
              <p:tags r:id="rId51"/>
            </p:custDataLst>
          </p:nvPr>
        </p:nvSpPr>
        <p:spPr>
          <a:xfrm>
            <a:off x="0" y="285394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54" name="OTLSHAPE_T_e77c7784a9cc4f0fb12e638c2e46ed30_StartDate" hidden="1"/>
          <p:cNvSpPr txBox="1"/>
          <p:nvPr>
            <p:custDataLst>
              <p:tags r:id="rId52"/>
            </p:custDataLst>
          </p:nvPr>
        </p:nvSpPr>
        <p:spPr>
          <a:xfrm>
            <a:off x="0" y="285394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5" name="OTLSHAPE_T_e77c7784a9cc4f0fb12e638c2e46ed30_EndDate" hidden="1"/>
          <p:cNvSpPr txBox="1"/>
          <p:nvPr>
            <p:custDataLst>
              <p:tags r:id="rId53"/>
            </p:custDataLst>
          </p:nvPr>
        </p:nvSpPr>
        <p:spPr>
          <a:xfrm>
            <a:off x="0" y="285394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6" name="OTLSHAPE_T_e77c7784a9cc4f0fb12e638c2e46ed30_Title"/>
          <p:cNvSpPr txBox="1"/>
          <p:nvPr>
            <p:custDataLst>
              <p:tags r:id="rId54"/>
            </p:custDataLst>
          </p:nvPr>
        </p:nvSpPr>
        <p:spPr>
          <a:xfrm>
            <a:off x="342022" y="2698919"/>
            <a:ext cx="1371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captures test data with known rotation</a:t>
            </a:r>
            <a:endParaRPr lang="en-US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57" name="OTLSHAPE_T_e77c7784a9cc4f0fb12e638c2e46ed30_JoinedDate"/>
          <p:cNvSpPr txBox="1"/>
          <p:nvPr>
            <p:custDataLst>
              <p:tags r:id="rId55"/>
            </p:custDataLst>
          </p:nvPr>
        </p:nvSpPr>
        <p:spPr>
          <a:xfrm>
            <a:off x="2607722" y="2791926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9/3/2015 - 15/3/2015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8" name="OTLSHAPE_T_0b75deec95a44b0fbed4c17bb2641537_Shape"/>
          <p:cNvSpPr/>
          <p:nvPr>
            <p:custDataLst>
              <p:tags r:id="rId56"/>
            </p:custDataLst>
          </p:nvPr>
        </p:nvSpPr>
        <p:spPr>
          <a:xfrm>
            <a:off x="2556922" y="3103457"/>
            <a:ext cx="8001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9" name="OTLSHAPE_T_0b75deec95a44b0fbed4c17bb2641537_ShapePercentage" hidden="1"/>
          <p:cNvSpPr/>
          <p:nvPr>
            <p:custDataLst>
              <p:tags r:id="rId57"/>
            </p:custDataLst>
          </p:nvPr>
        </p:nvSpPr>
        <p:spPr>
          <a:xfrm>
            <a:off x="2556922" y="310345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0" name="OTLSHAPE_T_0b75deec95a44b0fbed4c17bb2641537_Duration" hidden="1"/>
          <p:cNvSpPr txBox="1"/>
          <p:nvPr>
            <p:custDataLst>
              <p:tags r:id="rId58"/>
            </p:custDataLst>
          </p:nvPr>
        </p:nvSpPr>
        <p:spPr>
          <a:xfrm>
            <a:off x="0" y="3103457"/>
            <a:ext cx="3175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5 tage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61" name="OTLSHAPE_T_0b75deec95a44b0fbed4c17bb2641537_TextPercentage" hidden="1"/>
          <p:cNvSpPr txBox="1"/>
          <p:nvPr>
            <p:custDataLst>
              <p:tags r:id="rId59"/>
            </p:custDataLst>
          </p:nvPr>
        </p:nvSpPr>
        <p:spPr>
          <a:xfrm>
            <a:off x="0" y="32584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62" name="OTLSHAPE_T_0b75deec95a44b0fbed4c17bb2641537_StartDate" hidden="1"/>
          <p:cNvSpPr txBox="1"/>
          <p:nvPr>
            <p:custDataLst>
              <p:tags r:id="rId60"/>
            </p:custDataLst>
          </p:nvPr>
        </p:nvSpPr>
        <p:spPr>
          <a:xfrm>
            <a:off x="0" y="32584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3" name="OTLSHAPE_T_0b75deec95a44b0fbed4c17bb2641537_EndDate" hidden="1"/>
          <p:cNvSpPr txBox="1"/>
          <p:nvPr>
            <p:custDataLst>
              <p:tags r:id="rId61"/>
            </p:custDataLst>
          </p:nvPr>
        </p:nvSpPr>
        <p:spPr>
          <a:xfrm>
            <a:off x="0" y="32584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4" name="OTLSHAPE_T_0b75deec95a44b0fbed4c17bb2641537_Title"/>
          <p:cNvSpPr txBox="1"/>
          <p:nvPr>
            <p:custDataLst>
              <p:tags r:id="rId62"/>
            </p:custDataLst>
          </p:nvPr>
        </p:nvSpPr>
        <p:spPr>
          <a:xfrm>
            <a:off x="164878" y="3119797"/>
            <a:ext cx="234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image reconstruction from gradient map</a:t>
            </a:r>
            <a:endParaRPr lang="en-US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65" name="OTLSHAPE_T_0b75deec95a44b0fbed4c17bb2641537_JoinedDate"/>
          <p:cNvSpPr txBox="1"/>
          <p:nvPr>
            <p:custDataLst>
              <p:tags r:id="rId63"/>
            </p:custDataLst>
          </p:nvPr>
        </p:nvSpPr>
        <p:spPr>
          <a:xfrm>
            <a:off x="3406869" y="312754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6/3/2015 - 22/3/2015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6" name="OTLSHAPE_T_12b168a1a3f94dc8881067d3eb83535e_Shape"/>
          <p:cNvSpPr/>
          <p:nvPr>
            <p:custDataLst>
              <p:tags r:id="rId64"/>
            </p:custDataLst>
          </p:nvPr>
        </p:nvSpPr>
        <p:spPr>
          <a:xfrm>
            <a:off x="2556922" y="3370157"/>
            <a:ext cx="2971800" cy="2032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7" name="OTLSHAPE_T_12b168a1a3f94dc8881067d3eb83535e_ShapePercentage" hidden="1"/>
          <p:cNvSpPr/>
          <p:nvPr>
            <p:custDataLst>
              <p:tags r:id="rId65"/>
            </p:custDataLst>
          </p:nvPr>
        </p:nvSpPr>
        <p:spPr>
          <a:xfrm>
            <a:off x="2556922" y="337015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8" name="OTLSHAPE_T_12b168a1a3f94dc8881067d3eb83535e_Duration" hidden="1"/>
          <p:cNvSpPr txBox="1"/>
          <p:nvPr>
            <p:custDataLst>
              <p:tags r:id="rId66"/>
            </p:custDataLst>
          </p:nvPr>
        </p:nvSpPr>
        <p:spPr>
          <a:xfrm>
            <a:off x="0" y="337015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0 tage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69" name="OTLSHAPE_T_12b168a1a3f94dc8881067d3eb83535e_TextPercentage" hidden="1"/>
          <p:cNvSpPr txBox="1"/>
          <p:nvPr>
            <p:custDataLst>
              <p:tags r:id="rId67"/>
            </p:custDataLst>
          </p:nvPr>
        </p:nvSpPr>
        <p:spPr>
          <a:xfrm>
            <a:off x="0" y="35251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70" name="OTLSHAPE_T_12b168a1a3f94dc8881067d3eb83535e_StartDate" hidden="1"/>
          <p:cNvSpPr txBox="1"/>
          <p:nvPr>
            <p:custDataLst>
              <p:tags r:id="rId68"/>
            </p:custDataLst>
          </p:nvPr>
        </p:nvSpPr>
        <p:spPr>
          <a:xfrm>
            <a:off x="0" y="35251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71" name="OTLSHAPE_T_12b168a1a3f94dc8881067d3eb83535e_EndDate" hidden="1"/>
          <p:cNvSpPr txBox="1"/>
          <p:nvPr>
            <p:custDataLst>
              <p:tags r:id="rId69"/>
            </p:custDataLst>
          </p:nvPr>
        </p:nvSpPr>
        <p:spPr>
          <a:xfrm>
            <a:off x="0" y="35251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72" name="OTLSHAPE_T_12b168a1a3f94dc8881067d3eb83535e_JoinedDate"/>
          <p:cNvSpPr txBox="1"/>
          <p:nvPr>
            <p:custDataLst>
              <p:tags r:id="rId70"/>
            </p:custDataLst>
          </p:nvPr>
        </p:nvSpPr>
        <p:spPr>
          <a:xfrm>
            <a:off x="5575982" y="339424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6/3/2015 - 10/4/2015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73" name="OTLSHAPE_T_12b168a1a3f94dc8881067d3eb83535e_Title"/>
          <p:cNvSpPr txBox="1"/>
          <p:nvPr>
            <p:custDataLst>
              <p:tags r:id="rId71"/>
            </p:custDataLst>
          </p:nvPr>
        </p:nvSpPr>
        <p:spPr>
          <a:xfrm>
            <a:off x="3404443" y="3386497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gradient map building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74" name="OTLSHAPE_T_f1fca90e528d4ed6b03a6afd8abf4748_Shape"/>
          <p:cNvSpPr/>
          <p:nvPr>
            <p:custDataLst>
              <p:tags r:id="rId72"/>
            </p:custDataLst>
          </p:nvPr>
        </p:nvSpPr>
        <p:spPr>
          <a:xfrm>
            <a:off x="3356069" y="3636857"/>
            <a:ext cx="21717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5" name="OTLSHAPE_T_f1fca90e528d4ed6b03a6afd8abf4748_ShapePercentage" hidden="1"/>
          <p:cNvSpPr/>
          <p:nvPr>
            <p:custDataLst>
              <p:tags r:id="rId73"/>
            </p:custDataLst>
          </p:nvPr>
        </p:nvSpPr>
        <p:spPr>
          <a:xfrm>
            <a:off x="3356069" y="363685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6" name="OTLSHAPE_T_f1fca90e528d4ed6b03a6afd8abf4748_Duration" hidden="1"/>
          <p:cNvSpPr txBox="1"/>
          <p:nvPr>
            <p:custDataLst>
              <p:tags r:id="rId74"/>
            </p:custDataLst>
          </p:nvPr>
        </p:nvSpPr>
        <p:spPr>
          <a:xfrm>
            <a:off x="0" y="363685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5 tage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77" name="OTLSHAPE_T_f1fca90e528d4ed6b03a6afd8abf4748_TextPercentage" hidden="1"/>
          <p:cNvSpPr txBox="1"/>
          <p:nvPr>
            <p:custDataLst>
              <p:tags r:id="rId75"/>
            </p:custDataLst>
          </p:nvPr>
        </p:nvSpPr>
        <p:spPr>
          <a:xfrm>
            <a:off x="0" y="37918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78" name="OTLSHAPE_T_f1fca90e528d4ed6b03a6afd8abf4748_StartDate" hidden="1"/>
          <p:cNvSpPr txBox="1"/>
          <p:nvPr>
            <p:custDataLst>
              <p:tags r:id="rId76"/>
            </p:custDataLst>
          </p:nvPr>
        </p:nvSpPr>
        <p:spPr>
          <a:xfrm>
            <a:off x="0" y="37918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79" name="OTLSHAPE_T_f1fca90e528d4ed6b03a6afd8abf4748_EndDate" hidden="1"/>
          <p:cNvSpPr txBox="1"/>
          <p:nvPr>
            <p:custDataLst>
              <p:tags r:id="rId77"/>
            </p:custDataLst>
          </p:nvPr>
        </p:nvSpPr>
        <p:spPr>
          <a:xfrm>
            <a:off x="0" y="37918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80" name="OTLSHAPE_T_f1fca90e528d4ed6b03a6afd8abf4748_JoinedDate"/>
          <p:cNvSpPr txBox="1"/>
          <p:nvPr>
            <p:custDataLst>
              <p:tags r:id="rId78"/>
            </p:custDataLst>
          </p:nvPr>
        </p:nvSpPr>
        <p:spPr>
          <a:xfrm>
            <a:off x="5575982" y="366094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3/3/2015 - 10/4/2015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81" name="OTLSHAPE_T_f1fca90e528d4ed6b03a6afd8abf4748_Title"/>
          <p:cNvSpPr txBox="1"/>
          <p:nvPr>
            <p:custDataLst>
              <p:tags r:id="rId79"/>
            </p:custDataLst>
          </p:nvPr>
        </p:nvSpPr>
        <p:spPr>
          <a:xfrm>
            <a:off x="3957496" y="3653197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rotation tracking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82" name="OTLSHAPE_T_4bde51a17f5d4f9bb23740a882d577df_Shape"/>
          <p:cNvSpPr/>
          <p:nvPr>
            <p:custDataLst>
              <p:tags r:id="rId80"/>
            </p:custDataLst>
          </p:nvPr>
        </p:nvSpPr>
        <p:spPr>
          <a:xfrm>
            <a:off x="5753509" y="3903557"/>
            <a:ext cx="1600200" cy="20320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3" name="OTLSHAPE_T_4bde51a17f5d4f9bb23740a882d577df_ShapePercentage" hidden="1"/>
          <p:cNvSpPr/>
          <p:nvPr>
            <p:custDataLst>
              <p:tags r:id="rId81"/>
            </p:custDataLst>
          </p:nvPr>
        </p:nvSpPr>
        <p:spPr>
          <a:xfrm>
            <a:off x="5753509" y="390355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4" name="OTLSHAPE_T_4bde51a17f5d4f9bb23740a882d577df_Duration" hidden="1"/>
          <p:cNvSpPr txBox="1"/>
          <p:nvPr>
            <p:custDataLst>
              <p:tags r:id="rId82"/>
            </p:custDataLst>
          </p:nvPr>
        </p:nvSpPr>
        <p:spPr>
          <a:xfrm>
            <a:off x="0" y="390355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0 tage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85" name="OTLSHAPE_T_4bde51a17f5d4f9bb23740a882d577df_TextPercentage" hidden="1"/>
          <p:cNvSpPr txBox="1"/>
          <p:nvPr>
            <p:custDataLst>
              <p:tags r:id="rId83"/>
            </p:custDataLst>
          </p:nvPr>
        </p:nvSpPr>
        <p:spPr>
          <a:xfrm>
            <a:off x="0" y="40585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86" name="OTLSHAPE_T_4bde51a17f5d4f9bb23740a882d577df_StartDate" hidden="1"/>
          <p:cNvSpPr txBox="1"/>
          <p:nvPr>
            <p:custDataLst>
              <p:tags r:id="rId84"/>
            </p:custDataLst>
          </p:nvPr>
        </p:nvSpPr>
        <p:spPr>
          <a:xfrm>
            <a:off x="0" y="40585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87" name="OTLSHAPE_T_4bde51a17f5d4f9bb23740a882d577df_EndDate" hidden="1"/>
          <p:cNvSpPr txBox="1"/>
          <p:nvPr>
            <p:custDataLst>
              <p:tags r:id="rId85"/>
            </p:custDataLst>
          </p:nvPr>
        </p:nvSpPr>
        <p:spPr>
          <a:xfrm>
            <a:off x="0" y="40585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88" name="OTLSHAPE_T_4bde51a17f5d4f9bb23740a882d577df_JoinedDate"/>
          <p:cNvSpPr txBox="1"/>
          <p:nvPr>
            <p:custDataLst>
              <p:tags r:id="rId86"/>
            </p:custDataLst>
          </p:nvPr>
        </p:nvSpPr>
        <p:spPr>
          <a:xfrm>
            <a:off x="7402602" y="392764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3/4/2015 - 26/4/2015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89" name="OTLSHAPE_T_4bde51a17f5d4f9bb23740a882d577df_Title"/>
          <p:cNvSpPr txBox="1"/>
          <p:nvPr>
            <p:custDataLst>
              <p:tags r:id="rId87"/>
            </p:custDataLst>
          </p:nvPr>
        </p:nvSpPr>
        <p:spPr>
          <a:xfrm>
            <a:off x="5886202" y="3919897"/>
            <a:ext cx="1333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omponent integra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90" name="OTLSHAPE_T_9c16c0db4d0942ed8ac6543cb2bffeb6_Shape"/>
          <p:cNvSpPr/>
          <p:nvPr>
            <p:custDataLst>
              <p:tags r:id="rId88"/>
            </p:custDataLst>
          </p:nvPr>
        </p:nvSpPr>
        <p:spPr>
          <a:xfrm>
            <a:off x="7351802" y="4170257"/>
            <a:ext cx="16002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1" name="OTLSHAPE_T_9c16c0db4d0942ed8ac6543cb2bffeb6_ShapePercentage" hidden="1"/>
          <p:cNvSpPr/>
          <p:nvPr>
            <p:custDataLst>
              <p:tags r:id="rId89"/>
            </p:custDataLst>
          </p:nvPr>
        </p:nvSpPr>
        <p:spPr>
          <a:xfrm>
            <a:off x="7351802" y="417025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2" name="OTLSHAPE_T_9c16c0db4d0942ed8ac6543cb2bffeb6_Duration" hidden="1"/>
          <p:cNvSpPr txBox="1"/>
          <p:nvPr>
            <p:custDataLst>
              <p:tags r:id="rId90"/>
            </p:custDataLst>
          </p:nvPr>
        </p:nvSpPr>
        <p:spPr>
          <a:xfrm>
            <a:off x="0" y="417025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0 tage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93" name="OTLSHAPE_T_9c16c0db4d0942ed8ac6543cb2bffeb6_TextPercentage" hidden="1"/>
          <p:cNvSpPr txBox="1"/>
          <p:nvPr>
            <p:custDataLst>
              <p:tags r:id="rId91"/>
            </p:custDataLst>
          </p:nvPr>
        </p:nvSpPr>
        <p:spPr>
          <a:xfrm>
            <a:off x="0" y="43252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94" name="OTLSHAPE_T_9c16c0db4d0942ed8ac6543cb2bffeb6_StartDate" hidden="1"/>
          <p:cNvSpPr txBox="1"/>
          <p:nvPr>
            <p:custDataLst>
              <p:tags r:id="rId92"/>
            </p:custDataLst>
          </p:nvPr>
        </p:nvSpPr>
        <p:spPr>
          <a:xfrm>
            <a:off x="0" y="43252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95" name="OTLSHAPE_T_9c16c0db4d0942ed8ac6543cb2bffeb6_EndDate" hidden="1"/>
          <p:cNvSpPr txBox="1"/>
          <p:nvPr>
            <p:custDataLst>
              <p:tags r:id="rId93"/>
            </p:custDataLst>
          </p:nvPr>
        </p:nvSpPr>
        <p:spPr>
          <a:xfrm>
            <a:off x="0" y="43252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96" name="OTLSHAPE_T_9c16c0db4d0942ed8ac6543cb2bffeb6_JoinedDate"/>
          <p:cNvSpPr txBox="1"/>
          <p:nvPr>
            <p:custDataLst>
              <p:tags r:id="rId94"/>
            </p:custDataLst>
          </p:nvPr>
        </p:nvSpPr>
        <p:spPr>
          <a:xfrm>
            <a:off x="9000896" y="419434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7/4/2015 - 10/5/2015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97" name="OTLSHAPE_T_9c16c0db4d0942ed8ac6543cb2bffeb6_Title"/>
          <p:cNvSpPr txBox="1"/>
          <p:nvPr>
            <p:custDataLst>
              <p:tags r:id="rId95"/>
            </p:custDataLst>
          </p:nvPr>
        </p:nvSpPr>
        <p:spPr>
          <a:xfrm>
            <a:off x="7574560" y="4186597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refinement + tuning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62027072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1" name="OTLSHAPE_T_9c16c0db4d0942ed8ac6543cb2bffeb6_RightVerticalConnector1"/>
          <p:cNvCxnSpPr/>
          <p:nvPr>
            <p:custDataLst>
              <p:tags r:id="rId2"/>
            </p:custDataLst>
          </p:nvPr>
        </p:nvCxnSpPr>
        <p:spPr>
          <a:xfrm>
            <a:off x="9520915" y="4373457"/>
            <a:ext cx="0" cy="7700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4bde51a17f5d4f9bb23740a882d577df_RightVerticalConnector1"/>
          <p:cNvCxnSpPr/>
          <p:nvPr>
            <p:custDataLst>
              <p:tags r:id="rId3"/>
            </p:custDataLst>
          </p:nvPr>
        </p:nvCxnSpPr>
        <p:spPr>
          <a:xfrm>
            <a:off x="8150949" y="4106757"/>
            <a:ext cx="0" cy="10367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f1fca90e528d4ed6b03a6afd8abf4748_RightVerticalConnector3"/>
          <p:cNvCxnSpPr/>
          <p:nvPr>
            <p:custDataLst>
              <p:tags r:id="rId4"/>
            </p:custDataLst>
          </p:nvPr>
        </p:nvCxnSpPr>
        <p:spPr>
          <a:xfrm>
            <a:off x="6552656" y="4927600"/>
            <a:ext cx="0" cy="215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f1fca90e528d4ed6b03a6afd8abf4748_RightVerticalConnector1"/>
          <p:cNvCxnSpPr/>
          <p:nvPr>
            <p:custDataLst>
              <p:tags r:id="rId5"/>
            </p:custDataLst>
          </p:nvPr>
        </p:nvCxnSpPr>
        <p:spPr>
          <a:xfrm>
            <a:off x="6552656" y="3840057"/>
            <a:ext cx="0" cy="736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12b168a1a3f94dc8881067d3eb83535e_RightVerticalConnector2"/>
          <p:cNvCxnSpPr/>
          <p:nvPr>
            <p:custDataLst>
              <p:tags r:id="rId6"/>
            </p:custDataLst>
          </p:nvPr>
        </p:nvCxnSpPr>
        <p:spPr>
          <a:xfrm>
            <a:off x="5525182" y="3840057"/>
            <a:ext cx="0" cy="13034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12b168a1a3f94dc8881067d3eb83535e_RightVerticalConnector1"/>
          <p:cNvCxnSpPr/>
          <p:nvPr>
            <p:custDataLst>
              <p:tags r:id="rId7"/>
            </p:custDataLst>
          </p:nvPr>
        </p:nvCxnSpPr>
        <p:spPr>
          <a:xfrm>
            <a:off x="5525182" y="3573357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0b75deec95a44b0fbed4c17bb2641537_RightVerticalConnector2"/>
          <p:cNvCxnSpPr/>
          <p:nvPr>
            <p:custDataLst>
              <p:tags r:id="rId8"/>
            </p:custDataLst>
          </p:nvPr>
        </p:nvCxnSpPr>
        <p:spPr>
          <a:xfrm>
            <a:off x="3356069" y="3573357"/>
            <a:ext cx="0" cy="15701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0b75deec95a44b0fbed4c17bb2641537_RightVerticalConnector1"/>
          <p:cNvCxnSpPr/>
          <p:nvPr>
            <p:custDataLst>
              <p:tags r:id="rId9"/>
            </p:custDataLst>
          </p:nvPr>
        </p:nvCxnSpPr>
        <p:spPr>
          <a:xfrm>
            <a:off x="3356069" y="3306657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94154743302c4f77886b7a5f455a6fc5_RightVerticalConnector1"/>
          <p:cNvCxnSpPr/>
          <p:nvPr>
            <p:custDataLst>
              <p:tags r:id="rId10"/>
            </p:custDataLst>
          </p:nvPr>
        </p:nvCxnSpPr>
        <p:spPr>
          <a:xfrm>
            <a:off x="2556922" y="3039957"/>
            <a:ext cx="0" cy="21035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94154743302c4f77886b7a5f455a6fc5_LeftVerticalConnector2"/>
          <p:cNvCxnSpPr/>
          <p:nvPr>
            <p:custDataLst>
              <p:tags r:id="rId11"/>
            </p:custDataLst>
          </p:nvPr>
        </p:nvCxnSpPr>
        <p:spPr>
          <a:xfrm>
            <a:off x="1757776" y="3290316"/>
            <a:ext cx="0" cy="185318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_94154743302c4f77886b7a5f455a6fc5_LeftVerticalConnector1"/>
          <p:cNvCxnSpPr/>
          <p:nvPr>
            <p:custDataLst>
              <p:tags r:id="rId12"/>
            </p:custDataLst>
          </p:nvPr>
        </p:nvCxnSpPr>
        <p:spPr>
          <a:xfrm>
            <a:off x="1757776" y="3039957"/>
            <a:ext cx="0" cy="798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M_0d88f00129004b7e998accb9be00b35e_Connector1"/>
          <p:cNvCxnSpPr/>
          <p:nvPr>
            <p:custDataLst>
              <p:tags r:id="rId13"/>
            </p:custDataLst>
          </p:nvPr>
        </p:nvCxnSpPr>
        <p:spPr>
          <a:xfrm>
            <a:off x="9869756" y="4694978"/>
            <a:ext cx="0" cy="448522"/>
          </a:xfrm>
          <a:prstGeom prst="line">
            <a:avLst/>
          </a:prstGeom>
          <a:ln w="9525" cap="flat" cmpd="sng" algn="ctr">
            <a:solidFill>
              <a:srgbClr val="B20E12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M_9e6e9356bc8d47778c8efda0be0d87f9_Connector1"/>
          <p:cNvCxnSpPr/>
          <p:nvPr>
            <p:custDataLst>
              <p:tags r:id="rId14"/>
            </p:custDataLst>
          </p:nvPr>
        </p:nvCxnSpPr>
        <p:spPr>
          <a:xfrm>
            <a:off x="5874023" y="4694978"/>
            <a:ext cx="0" cy="448522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OTLSHAPE_TB_00000000000000000000000000000000_ElapsedTimeExtension"/>
          <p:cNvSpPr/>
          <p:nvPr>
            <p:custDataLst>
              <p:tags r:id="rId15"/>
            </p:custDataLst>
          </p:nvPr>
        </p:nvSpPr>
        <p:spPr>
          <a:xfrm>
            <a:off x="844465" y="2836757"/>
            <a:ext cx="4876800" cy="2306743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" name="Title 1"/>
          <p:cNvSpPr txBox="1">
            <a:spLocks/>
          </p:cNvSpPr>
          <p:nvPr/>
        </p:nvSpPr>
        <p:spPr>
          <a:xfrm>
            <a:off x="845127" y="365760"/>
            <a:ext cx="10515600" cy="1325562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 cap="all" baseline="0">
                <a:solidFill>
                  <a:schemeClr val="tx1"/>
                </a:solidFill>
                <a:latin typeface="Tw Cen MT Condensed" panose="020B0606020104020203" pitchFamily="34" charset="0"/>
                <a:ea typeface="+mj-ea"/>
                <a:cs typeface="+mj-cs"/>
              </a:defRPr>
            </a:lvl1pPr>
          </a:lstStyle>
          <a:p>
            <a:r>
              <a:rPr lang="de-DE" dirty="0" smtClean="0"/>
              <a:t>Updated schedule</a:t>
            </a:r>
            <a:endParaRPr lang="de-DE" dirty="0"/>
          </a:p>
        </p:txBody>
      </p:sp>
      <p:sp>
        <p:nvSpPr>
          <p:cNvPr id="2" name="OTLSHAPE_TB_00000000000000000000000000000000_LeftEndCaps" hidden="1"/>
          <p:cNvSpPr txBox="1"/>
          <p:nvPr>
            <p:custDataLst>
              <p:tags r:id="rId16"/>
            </p:custDataLst>
          </p:nvPr>
        </p:nvSpPr>
        <p:spPr>
          <a:xfrm>
            <a:off x="254000" y="5194469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US" b="1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" name="OTLSHAPE_TB_00000000000000000000000000000000_RightEndCaps" hidden="1"/>
          <p:cNvSpPr txBox="1"/>
          <p:nvPr>
            <p:custDataLst>
              <p:tags r:id="rId17"/>
            </p:custDataLst>
          </p:nvPr>
        </p:nvSpPr>
        <p:spPr>
          <a:xfrm>
            <a:off x="11474534" y="5194469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US" b="1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18"/>
            </p:custDataLst>
          </p:nvPr>
        </p:nvSpPr>
        <p:spPr>
          <a:xfrm>
            <a:off x="844465" y="5143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100000">
                <a:srgbClr val="B2B2B2"/>
              </a:gs>
              <a:gs pos="50000">
                <a:srgbClr val="F2F2F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19"/>
            </p:custDataLst>
          </p:nvPr>
        </p:nvSpPr>
        <p:spPr>
          <a:xfrm>
            <a:off x="844465" y="5143500"/>
            <a:ext cx="4876800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Shape"/>
          <p:cNvSpPr/>
          <p:nvPr>
            <p:custDataLst>
              <p:tags r:id="rId20"/>
            </p:custDataLst>
          </p:nvPr>
        </p:nvSpPr>
        <p:spPr>
          <a:xfrm>
            <a:off x="5660497" y="5524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21"/>
            </p:custDataLst>
          </p:nvPr>
        </p:nvSpPr>
        <p:spPr>
          <a:xfrm>
            <a:off x="907965" y="5240972"/>
            <a:ext cx="254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  <a:endParaRPr lang="en-US" sz="1200" spc="-1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22"/>
            </p:custDataLst>
          </p:nvPr>
        </p:nvSpPr>
        <p:spPr>
          <a:xfrm>
            <a:off x="4447044" y="5240972"/>
            <a:ext cx="228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dk1"/>
                </a:solidFill>
                <a:latin typeface="Calibri" panose="020F0502020204030204" pitchFamily="34" charset="0"/>
              </a:rPr>
              <a:t>Apr</a:t>
            </a:r>
            <a:endParaRPr lang="en-US" sz="1200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23"/>
            </p:custDataLst>
          </p:nvPr>
        </p:nvSpPr>
        <p:spPr>
          <a:xfrm>
            <a:off x="7871957" y="5240973"/>
            <a:ext cx="329792" cy="1692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dk1"/>
                </a:solidFill>
                <a:latin typeface="Calibri" panose="020F0502020204030204" pitchFamily="34" charset="0"/>
              </a:rPr>
              <a:t>May</a:t>
            </a:r>
            <a:endParaRPr lang="en-US" sz="1200" spc="-2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17" name="OTLSHAPE_T_0b75deec95a44b0fbed4c17bb2641537_LeftVerticalConnector1" hidden="1"/>
          <p:cNvCxnSpPr/>
          <p:nvPr>
            <p:custDataLst>
              <p:tags r:id="rId24"/>
            </p:custDataLst>
          </p:nvPr>
        </p:nvCxnSpPr>
        <p:spPr>
          <a:xfrm>
            <a:off x="2556922" y="3306657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0b75deec95a44b0fbed4c17bb2641537_LeftVerticalConnector2" hidden="1"/>
          <p:cNvCxnSpPr/>
          <p:nvPr>
            <p:custDataLst>
              <p:tags r:id="rId25"/>
            </p:custDataLst>
          </p:nvPr>
        </p:nvCxnSpPr>
        <p:spPr>
          <a:xfrm>
            <a:off x="2556922" y="3573357"/>
            <a:ext cx="0" cy="1570143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12b168a1a3f94dc8881067d3eb83535e_LeftVerticalConnector1" hidden="1"/>
          <p:cNvCxnSpPr/>
          <p:nvPr>
            <p:custDataLst>
              <p:tags r:id="rId26"/>
            </p:custDataLst>
          </p:nvPr>
        </p:nvCxnSpPr>
        <p:spPr>
          <a:xfrm>
            <a:off x="2556922" y="3573357"/>
            <a:ext cx="0" cy="1570143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f1fca90e528d4ed6b03a6afd8abf4748_LeftVerticalConnector1" hidden="1"/>
          <p:cNvCxnSpPr/>
          <p:nvPr>
            <p:custDataLst>
              <p:tags r:id="rId27"/>
            </p:custDataLst>
          </p:nvPr>
        </p:nvCxnSpPr>
        <p:spPr>
          <a:xfrm>
            <a:off x="3356069" y="3840057"/>
            <a:ext cx="0" cy="1303443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4bde51a17f5d4f9bb23740a882d577df_LeftVerticalConnector1" hidden="1"/>
          <p:cNvCxnSpPr/>
          <p:nvPr>
            <p:custDataLst>
              <p:tags r:id="rId28"/>
            </p:custDataLst>
          </p:nvPr>
        </p:nvCxnSpPr>
        <p:spPr>
          <a:xfrm>
            <a:off x="6552656" y="4106757"/>
            <a:ext cx="0" cy="4699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4bde51a17f5d4f9bb23740a882d577df_LeftVerticalConnector3" hidden="1"/>
          <p:cNvCxnSpPr/>
          <p:nvPr>
            <p:custDataLst>
              <p:tags r:id="rId29"/>
            </p:custDataLst>
          </p:nvPr>
        </p:nvCxnSpPr>
        <p:spPr>
          <a:xfrm>
            <a:off x="6552656" y="4927600"/>
            <a:ext cx="0" cy="2159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9c16c0db4d0942ed8ac6543cb2bffeb6_LeftVerticalConnector1" hidden="1"/>
          <p:cNvCxnSpPr/>
          <p:nvPr>
            <p:custDataLst>
              <p:tags r:id="rId30"/>
            </p:custDataLst>
          </p:nvPr>
        </p:nvCxnSpPr>
        <p:spPr>
          <a:xfrm>
            <a:off x="8150949" y="4373457"/>
            <a:ext cx="0" cy="770043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8" name="OTLSHAPE_M_9e6e9356bc8d47778c8efda0be0d87f9_Title"/>
          <p:cNvSpPr txBox="1"/>
          <p:nvPr>
            <p:custDataLst>
              <p:tags r:id="rId31"/>
            </p:custDataLst>
          </p:nvPr>
        </p:nvSpPr>
        <p:spPr>
          <a:xfrm>
            <a:off x="6096273" y="4576657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Project Updates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99" name="OTLSHAPE_M_9e6e9356bc8d47778c8efda0be0d87f9_Date"/>
          <p:cNvSpPr txBox="1"/>
          <p:nvPr>
            <p:custDataLst>
              <p:tags r:id="rId32"/>
            </p:custDataLst>
          </p:nvPr>
        </p:nvSpPr>
        <p:spPr>
          <a:xfrm>
            <a:off x="6096273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3/4/2015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00" name="OTLSHAPE_M_9e6e9356bc8d47778c8efda0be0d87f9_Shape"/>
          <p:cNvSpPr/>
          <p:nvPr>
            <p:custDataLst>
              <p:tags r:id="rId33"/>
            </p:custDataLst>
          </p:nvPr>
        </p:nvSpPr>
        <p:spPr>
          <a:xfrm rot="16200000">
            <a:off x="5899423" y="4694978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1" name="OTLSHAPE_M_0d88f00129004b7e998accb9be00b35e_Title"/>
          <p:cNvSpPr txBox="1"/>
          <p:nvPr>
            <p:custDataLst>
              <p:tags r:id="rId34"/>
            </p:custDataLst>
          </p:nvPr>
        </p:nvSpPr>
        <p:spPr>
          <a:xfrm>
            <a:off x="10092006" y="4576657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roject Demo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2" name="OTLSHAPE_M_0d88f00129004b7e998accb9be00b35e_Date"/>
          <p:cNvSpPr txBox="1"/>
          <p:nvPr>
            <p:custDataLst>
              <p:tags r:id="rId35"/>
            </p:custDataLst>
          </p:nvPr>
        </p:nvSpPr>
        <p:spPr>
          <a:xfrm>
            <a:off x="10092006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8/5/2015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03" name="OTLSHAPE_M_0d88f00129004b7e998accb9be00b35e_Shape"/>
          <p:cNvSpPr/>
          <p:nvPr>
            <p:custDataLst>
              <p:tags r:id="rId36"/>
            </p:custDataLst>
          </p:nvPr>
        </p:nvSpPr>
        <p:spPr>
          <a:xfrm rot="16200000">
            <a:off x="9895156" y="4694978"/>
            <a:ext cx="165100" cy="165100"/>
          </a:xfrm>
          <a:prstGeom prst="flowChartMerge">
            <a:avLst/>
          </a:prstGeom>
          <a:solidFill>
            <a:srgbClr val="B20E12"/>
          </a:solidFill>
          <a:ln w="127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4" name="OTLSHAPE_T_94154743302c4f77886b7a5f455a6fc5_Shape"/>
          <p:cNvSpPr/>
          <p:nvPr>
            <p:custDataLst>
              <p:tags r:id="rId37"/>
            </p:custDataLst>
          </p:nvPr>
        </p:nvSpPr>
        <p:spPr>
          <a:xfrm>
            <a:off x="1757776" y="2836757"/>
            <a:ext cx="8001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5" name="OTLSHAPE_T_94154743302c4f77886b7a5f455a6fc5_ShapePercentage" hidden="1"/>
          <p:cNvSpPr/>
          <p:nvPr>
            <p:custDataLst>
              <p:tags r:id="rId38"/>
            </p:custDataLst>
          </p:nvPr>
        </p:nvSpPr>
        <p:spPr>
          <a:xfrm>
            <a:off x="1757776" y="283675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6" name="OTLSHAPE_T_94154743302c4f77886b7a5f455a6fc5_Duration" hidden="1"/>
          <p:cNvSpPr txBox="1"/>
          <p:nvPr>
            <p:custDataLst>
              <p:tags r:id="rId39"/>
            </p:custDataLst>
          </p:nvPr>
        </p:nvSpPr>
        <p:spPr>
          <a:xfrm>
            <a:off x="0" y="2836757"/>
            <a:ext cx="3175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5 tage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07" name="OTLSHAPE_T_94154743302c4f77886b7a5f455a6fc5_TextPercentage" hidden="1"/>
          <p:cNvSpPr txBox="1"/>
          <p:nvPr>
            <p:custDataLst>
              <p:tags r:id="rId40"/>
            </p:custDataLst>
          </p:nvPr>
        </p:nvSpPr>
        <p:spPr>
          <a:xfrm>
            <a:off x="0" y="29917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08" name="OTLSHAPE_T_94154743302c4f77886b7a5f455a6fc5_StartDate" hidden="1"/>
          <p:cNvSpPr txBox="1"/>
          <p:nvPr>
            <p:custDataLst>
              <p:tags r:id="rId41"/>
            </p:custDataLst>
          </p:nvPr>
        </p:nvSpPr>
        <p:spPr>
          <a:xfrm>
            <a:off x="0" y="29917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09" name="OTLSHAPE_T_94154743302c4f77886b7a5f455a6fc5_EndDate" hidden="1"/>
          <p:cNvSpPr txBox="1"/>
          <p:nvPr>
            <p:custDataLst>
              <p:tags r:id="rId42"/>
            </p:custDataLst>
          </p:nvPr>
        </p:nvSpPr>
        <p:spPr>
          <a:xfrm>
            <a:off x="0" y="29917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10" name="OTLSHAPE_T_94154743302c4f77886b7a5f455a6fc5_Title"/>
          <p:cNvSpPr txBox="1"/>
          <p:nvPr>
            <p:custDataLst>
              <p:tags r:id="rId43"/>
            </p:custDataLst>
          </p:nvPr>
        </p:nvSpPr>
        <p:spPr>
          <a:xfrm>
            <a:off x="119941" y="2853097"/>
            <a:ext cx="1587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simulation of camera signal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1" name="OTLSHAPE_T_94154743302c4f77886b7a5f455a6fc5_JoinedDate"/>
          <p:cNvSpPr txBox="1"/>
          <p:nvPr>
            <p:custDataLst>
              <p:tags r:id="rId44"/>
            </p:custDataLst>
          </p:nvPr>
        </p:nvSpPr>
        <p:spPr>
          <a:xfrm>
            <a:off x="2607722" y="2860844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9/3/2015 - 15/3/2015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12" name="OTLSHAPE_T_0b75deec95a44b0fbed4c17bb2641537_Shape"/>
          <p:cNvSpPr/>
          <p:nvPr>
            <p:custDataLst>
              <p:tags r:id="rId45"/>
            </p:custDataLst>
          </p:nvPr>
        </p:nvSpPr>
        <p:spPr>
          <a:xfrm>
            <a:off x="2556922" y="3103457"/>
            <a:ext cx="8001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3" name="OTLSHAPE_T_0b75deec95a44b0fbed4c17bb2641537_ShapePercentage" hidden="1"/>
          <p:cNvSpPr/>
          <p:nvPr>
            <p:custDataLst>
              <p:tags r:id="rId46"/>
            </p:custDataLst>
          </p:nvPr>
        </p:nvSpPr>
        <p:spPr>
          <a:xfrm>
            <a:off x="2556922" y="310345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4" name="OTLSHAPE_T_0b75deec95a44b0fbed4c17bb2641537_Duration" hidden="1"/>
          <p:cNvSpPr txBox="1"/>
          <p:nvPr>
            <p:custDataLst>
              <p:tags r:id="rId47"/>
            </p:custDataLst>
          </p:nvPr>
        </p:nvSpPr>
        <p:spPr>
          <a:xfrm>
            <a:off x="0" y="3103457"/>
            <a:ext cx="3175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5 tage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5" name="OTLSHAPE_T_0b75deec95a44b0fbed4c17bb2641537_TextPercentage" hidden="1"/>
          <p:cNvSpPr txBox="1"/>
          <p:nvPr>
            <p:custDataLst>
              <p:tags r:id="rId48"/>
            </p:custDataLst>
          </p:nvPr>
        </p:nvSpPr>
        <p:spPr>
          <a:xfrm>
            <a:off x="0" y="32584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6" name="OTLSHAPE_T_0b75deec95a44b0fbed4c17bb2641537_StartDate" hidden="1"/>
          <p:cNvSpPr txBox="1"/>
          <p:nvPr>
            <p:custDataLst>
              <p:tags r:id="rId49"/>
            </p:custDataLst>
          </p:nvPr>
        </p:nvSpPr>
        <p:spPr>
          <a:xfrm>
            <a:off x="0" y="32584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17" name="OTLSHAPE_T_0b75deec95a44b0fbed4c17bb2641537_EndDate" hidden="1"/>
          <p:cNvSpPr txBox="1"/>
          <p:nvPr>
            <p:custDataLst>
              <p:tags r:id="rId50"/>
            </p:custDataLst>
          </p:nvPr>
        </p:nvSpPr>
        <p:spPr>
          <a:xfrm>
            <a:off x="0" y="32584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18" name="OTLSHAPE_T_0b75deec95a44b0fbed4c17bb2641537_Title"/>
          <p:cNvSpPr txBox="1"/>
          <p:nvPr>
            <p:custDataLst>
              <p:tags r:id="rId51"/>
            </p:custDataLst>
          </p:nvPr>
        </p:nvSpPr>
        <p:spPr>
          <a:xfrm>
            <a:off x="164878" y="3119797"/>
            <a:ext cx="234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image reconstruction from gradient map</a:t>
            </a:r>
            <a:endParaRPr lang="en-US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9" name="OTLSHAPE_T_0b75deec95a44b0fbed4c17bb2641537_JoinedDate"/>
          <p:cNvSpPr txBox="1"/>
          <p:nvPr>
            <p:custDataLst>
              <p:tags r:id="rId52"/>
            </p:custDataLst>
          </p:nvPr>
        </p:nvSpPr>
        <p:spPr>
          <a:xfrm>
            <a:off x="3406869" y="312754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6/3/2015 - 22/3/2015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T_12b168a1a3f94dc8881067d3eb83535e_Shape"/>
          <p:cNvSpPr/>
          <p:nvPr>
            <p:custDataLst>
              <p:tags r:id="rId53"/>
            </p:custDataLst>
          </p:nvPr>
        </p:nvSpPr>
        <p:spPr>
          <a:xfrm>
            <a:off x="2556922" y="3370157"/>
            <a:ext cx="2971800" cy="2032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" name="OTLSHAPE_T_12b168a1a3f94dc8881067d3eb83535e_ShapePercentage" hidden="1"/>
          <p:cNvSpPr/>
          <p:nvPr>
            <p:custDataLst>
              <p:tags r:id="rId54"/>
            </p:custDataLst>
          </p:nvPr>
        </p:nvSpPr>
        <p:spPr>
          <a:xfrm>
            <a:off x="2556922" y="337015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" name="OTLSHAPE_T_12b168a1a3f94dc8881067d3eb83535e_Duration" hidden="1"/>
          <p:cNvSpPr txBox="1"/>
          <p:nvPr>
            <p:custDataLst>
              <p:tags r:id="rId55"/>
            </p:custDataLst>
          </p:nvPr>
        </p:nvSpPr>
        <p:spPr>
          <a:xfrm>
            <a:off x="0" y="337015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0 tage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T_12b168a1a3f94dc8881067d3eb83535e_TextPercentage" hidden="1"/>
          <p:cNvSpPr txBox="1"/>
          <p:nvPr>
            <p:custDataLst>
              <p:tags r:id="rId56"/>
            </p:custDataLst>
          </p:nvPr>
        </p:nvSpPr>
        <p:spPr>
          <a:xfrm>
            <a:off x="0" y="35251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T_12b168a1a3f94dc8881067d3eb83535e_StartDate" hidden="1"/>
          <p:cNvSpPr txBox="1"/>
          <p:nvPr>
            <p:custDataLst>
              <p:tags r:id="rId57"/>
            </p:custDataLst>
          </p:nvPr>
        </p:nvSpPr>
        <p:spPr>
          <a:xfrm>
            <a:off x="0" y="35251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T_12b168a1a3f94dc8881067d3eb83535e_EndDate" hidden="1"/>
          <p:cNvSpPr txBox="1"/>
          <p:nvPr>
            <p:custDataLst>
              <p:tags r:id="rId58"/>
            </p:custDataLst>
          </p:nvPr>
        </p:nvSpPr>
        <p:spPr>
          <a:xfrm>
            <a:off x="0" y="35251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2" name="OTLSHAPE_T_12b168a1a3f94dc8881067d3eb83535e_JoinedDate"/>
          <p:cNvSpPr txBox="1"/>
          <p:nvPr>
            <p:custDataLst>
              <p:tags r:id="rId59"/>
            </p:custDataLst>
          </p:nvPr>
        </p:nvSpPr>
        <p:spPr>
          <a:xfrm>
            <a:off x="5575982" y="339424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6/3/2015 - 10/4/2015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T_12b168a1a3f94dc8881067d3eb83535e_Title"/>
          <p:cNvSpPr txBox="1"/>
          <p:nvPr>
            <p:custDataLst>
              <p:tags r:id="rId60"/>
            </p:custDataLst>
          </p:nvPr>
        </p:nvSpPr>
        <p:spPr>
          <a:xfrm>
            <a:off x="3404443" y="3386497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gradient map building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4" name="OTLSHAPE_T_f1fca90e528d4ed6b03a6afd8abf4748_Shape"/>
          <p:cNvSpPr/>
          <p:nvPr>
            <p:custDataLst>
              <p:tags r:id="rId61"/>
            </p:custDataLst>
          </p:nvPr>
        </p:nvSpPr>
        <p:spPr>
          <a:xfrm>
            <a:off x="3356069" y="3636857"/>
            <a:ext cx="32004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6" name="OTLSHAPE_T_f1fca90e528d4ed6b03a6afd8abf4748_ShapePercentage" hidden="1"/>
          <p:cNvSpPr/>
          <p:nvPr>
            <p:custDataLst>
              <p:tags r:id="rId62"/>
            </p:custDataLst>
          </p:nvPr>
        </p:nvSpPr>
        <p:spPr>
          <a:xfrm>
            <a:off x="3356069" y="363685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7" name="OTLSHAPE_T_f1fca90e528d4ed6b03a6afd8abf4748_Duration" hidden="1"/>
          <p:cNvSpPr txBox="1"/>
          <p:nvPr>
            <p:custDataLst>
              <p:tags r:id="rId63"/>
            </p:custDataLst>
          </p:nvPr>
        </p:nvSpPr>
        <p:spPr>
          <a:xfrm>
            <a:off x="0" y="363685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0 tage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T_f1fca90e528d4ed6b03a6afd8abf4748_TextPercentage" hidden="1"/>
          <p:cNvSpPr txBox="1"/>
          <p:nvPr>
            <p:custDataLst>
              <p:tags r:id="rId64"/>
            </p:custDataLst>
          </p:nvPr>
        </p:nvSpPr>
        <p:spPr>
          <a:xfrm>
            <a:off x="0" y="37918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9" name="OTLSHAPE_T_f1fca90e528d4ed6b03a6afd8abf4748_StartDate" hidden="1"/>
          <p:cNvSpPr txBox="1"/>
          <p:nvPr>
            <p:custDataLst>
              <p:tags r:id="rId65"/>
            </p:custDataLst>
          </p:nvPr>
        </p:nvSpPr>
        <p:spPr>
          <a:xfrm>
            <a:off x="0" y="37918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0" name="OTLSHAPE_T_f1fca90e528d4ed6b03a6afd8abf4748_EndDate" hidden="1"/>
          <p:cNvSpPr txBox="1"/>
          <p:nvPr>
            <p:custDataLst>
              <p:tags r:id="rId66"/>
            </p:custDataLst>
          </p:nvPr>
        </p:nvSpPr>
        <p:spPr>
          <a:xfrm>
            <a:off x="0" y="37918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T_f1fca90e528d4ed6b03a6afd8abf4748_JoinedDate"/>
          <p:cNvSpPr txBox="1"/>
          <p:nvPr>
            <p:custDataLst>
              <p:tags r:id="rId67"/>
            </p:custDataLst>
          </p:nvPr>
        </p:nvSpPr>
        <p:spPr>
          <a:xfrm>
            <a:off x="6603456" y="366094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3/3/2015 - 19/4/2015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2" name="OTLSHAPE_T_f1fca90e528d4ed6b03a6afd8abf4748_Title"/>
          <p:cNvSpPr txBox="1"/>
          <p:nvPr>
            <p:custDataLst>
              <p:tags r:id="rId68"/>
            </p:custDataLst>
          </p:nvPr>
        </p:nvSpPr>
        <p:spPr>
          <a:xfrm>
            <a:off x="4471233" y="3653197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rotation tracking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T_4bde51a17f5d4f9bb23740a882d577df_Shape"/>
          <p:cNvSpPr/>
          <p:nvPr>
            <p:custDataLst>
              <p:tags r:id="rId69"/>
            </p:custDataLst>
          </p:nvPr>
        </p:nvSpPr>
        <p:spPr>
          <a:xfrm>
            <a:off x="6552656" y="3903557"/>
            <a:ext cx="1600200" cy="20320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4" name="OTLSHAPE_T_4bde51a17f5d4f9bb23740a882d577df_ShapePercentage" hidden="1"/>
          <p:cNvSpPr/>
          <p:nvPr>
            <p:custDataLst>
              <p:tags r:id="rId70"/>
            </p:custDataLst>
          </p:nvPr>
        </p:nvSpPr>
        <p:spPr>
          <a:xfrm>
            <a:off x="6552656" y="390355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" name="OTLSHAPE_T_4bde51a17f5d4f9bb23740a882d577df_Duration" hidden="1"/>
          <p:cNvSpPr txBox="1"/>
          <p:nvPr>
            <p:custDataLst>
              <p:tags r:id="rId71"/>
            </p:custDataLst>
          </p:nvPr>
        </p:nvSpPr>
        <p:spPr>
          <a:xfrm>
            <a:off x="0" y="390355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0 tage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T_4bde51a17f5d4f9bb23740a882d577df_TextPercentage" hidden="1"/>
          <p:cNvSpPr txBox="1"/>
          <p:nvPr>
            <p:custDataLst>
              <p:tags r:id="rId72"/>
            </p:custDataLst>
          </p:nvPr>
        </p:nvSpPr>
        <p:spPr>
          <a:xfrm>
            <a:off x="0" y="40585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7" name="OTLSHAPE_T_4bde51a17f5d4f9bb23740a882d577df_StartDate" hidden="1"/>
          <p:cNvSpPr txBox="1"/>
          <p:nvPr>
            <p:custDataLst>
              <p:tags r:id="rId73"/>
            </p:custDataLst>
          </p:nvPr>
        </p:nvSpPr>
        <p:spPr>
          <a:xfrm>
            <a:off x="0" y="40585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T_4bde51a17f5d4f9bb23740a882d577df_EndDate" hidden="1"/>
          <p:cNvSpPr txBox="1"/>
          <p:nvPr>
            <p:custDataLst>
              <p:tags r:id="rId74"/>
            </p:custDataLst>
          </p:nvPr>
        </p:nvSpPr>
        <p:spPr>
          <a:xfrm>
            <a:off x="0" y="40585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9" name="OTLSHAPE_T_4bde51a17f5d4f9bb23740a882d577df_JoinedDate"/>
          <p:cNvSpPr txBox="1"/>
          <p:nvPr>
            <p:custDataLst>
              <p:tags r:id="rId75"/>
            </p:custDataLst>
          </p:nvPr>
        </p:nvSpPr>
        <p:spPr>
          <a:xfrm>
            <a:off x="8201749" y="3927644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0/4/2015 - 3/5/2015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T_4bde51a17f5d4f9bb23740a882d577df_Title"/>
          <p:cNvSpPr txBox="1"/>
          <p:nvPr>
            <p:custDataLst>
              <p:tags r:id="rId76"/>
            </p:custDataLst>
          </p:nvPr>
        </p:nvSpPr>
        <p:spPr>
          <a:xfrm>
            <a:off x="6685349" y="3919897"/>
            <a:ext cx="1333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omponent integra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T_9c16c0db4d0942ed8ac6543cb2bffeb6_Shape"/>
          <p:cNvSpPr/>
          <p:nvPr>
            <p:custDataLst>
              <p:tags r:id="rId77"/>
            </p:custDataLst>
          </p:nvPr>
        </p:nvSpPr>
        <p:spPr>
          <a:xfrm>
            <a:off x="8150949" y="4170257"/>
            <a:ext cx="13716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2" name="OTLSHAPE_T_9c16c0db4d0942ed8ac6543cb2bffeb6_ShapePercentage" hidden="1"/>
          <p:cNvSpPr/>
          <p:nvPr>
            <p:custDataLst>
              <p:tags r:id="rId78"/>
            </p:custDataLst>
          </p:nvPr>
        </p:nvSpPr>
        <p:spPr>
          <a:xfrm>
            <a:off x="8150949" y="417025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3" name="OTLSHAPE_T_9c16c0db4d0942ed8ac6543cb2bffeb6_Duration" hidden="1"/>
          <p:cNvSpPr txBox="1"/>
          <p:nvPr>
            <p:custDataLst>
              <p:tags r:id="rId79"/>
            </p:custDataLst>
          </p:nvPr>
        </p:nvSpPr>
        <p:spPr>
          <a:xfrm>
            <a:off x="0" y="417025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0 tage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4" name="OTLSHAPE_T_9c16c0db4d0942ed8ac6543cb2bffeb6_TextPercentage" hidden="1"/>
          <p:cNvSpPr txBox="1"/>
          <p:nvPr>
            <p:custDataLst>
              <p:tags r:id="rId80"/>
            </p:custDataLst>
          </p:nvPr>
        </p:nvSpPr>
        <p:spPr>
          <a:xfrm>
            <a:off x="0" y="43252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5" name="OTLSHAPE_T_9c16c0db4d0942ed8ac6543cb2bffeb6_StartDate" hidden="1"/>
          <p:cNvSpPr txBox="1"/>
          <p:nvPr>
            <p:custDataLst>
              <p:tags r:id="rId81"/>
            </p:custDataLst>
          </p:nvPr>
        </p:nvSpPr>
        <p:spPr>
          <a:xfrm>
            <a:off x="0" y="43252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6" name="OTLSHAPE_T_9c16c0db4d0942ed8ac6543cb2bffeb6_EndDate" hidden="1"/>
          <p:cNvSpPr txBox="1"/>
          <p:nvPr>
            <p:custDataLst>
              <p:tags r:id="rId82"/>
            </p:custDataLst>
          </p:nvPr>
        </p:nvSpPr>
        <p:spPr>
          <a:xfrm>
            <a:off x="0" y="43252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7" name="OTLSHAPE_T_9c16c0db4d0942ed8ac6543cb2bffeb6_JoinedDate"/>
          <p:cNvSpPr txBox="1"/>
          <p:nvPr>
            <p:custDataLst>
              <p:tags r:id="rId83"/>
            </p:custDataLst>
          </p:nvPr>
        </p:nvSpPr>
        <p:spPr>
          <a:xfrm>
            <a:off x="9571715" y="4194344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4/5/2015 - 15/5/2015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92" name="OTLSHAPE_T_9c16c0db4d0942ed8ac6543cb2bffeb6_Title"/>
          <p:cNvSpPr txBox="1"/>
          <p:nvPr>
            <p:custDataLst>
              <p:tags r:id="rId84"/>
            </p:custDataLst>
          </p:nvPr>
        </p:nvSpPr>
        <p:spPr>
          <a:xfrm>
            <a:off x="8259542" y="4186597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refinement + tuning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41030801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smtClean="0"/>
              <a:t>Camera simulation</a:t>
            </a:r>
            <a:endParaRPr lang="de-DE" dirty="0"/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45127" y="2071011"/>
            <a:ext cx="5596751" cy="3457587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03139" y="2071010"/>
            <a:ext cx="3457587" cy="3457587"/>
          </a:xfrm>
          <a:prstGeom prst="rect">
            <a:avLst/>
          </a:prstGeom>
        </p:spPr>
      </p:pic>
      <p:sp>
        <p:nvSpPr>
          <p:cNvPr id="5" name="Right Arrow 4"/>
          <p:cNvSpPr/>
          <p:nvPr/>
        </p:nvSpPr>
        <p:spPr>
          <a:xfrm>
            <a:off x="6756872" y="3222584"/>
            <a:ext cx="831272" cy="1154438"/>
          </a:xfrm>
          <a:prstGeom prst="rightArrow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25757782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smtClean="0"/>
              <a:t>Reconstruction</a:t>
            </a:r>
            <a:endParaRPr lang="en-US" dirty="0"/>
          </a:p>
        </p:txBody>
      </p:sp>
      <p:pic>
        <p:nvPicPr>
          <p:cNvPr id="4" name="Content Placeholder 3"/>
          <p:cNvPicPr>
            <a:picLocks noGrp="1" noChangeAspect="1"/>
          </p:cNvPicPr>
          <p:nvPr>
            <p:ph idx="1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190301" y="1828800"/>
            <a:ext cx="5824098" cy="4351338"/>
          </a:xfrm>
        </p:spPr>
      </p:pic>
    </p:spTree>
    <p:extLst>
      <p:ext uri="{BB962C8B-B14F-4D97-AF65-F5344CB8AC3E}">
        <p14:creationId xmlns:p14="http://schemas.microsoft.com/office/powerpoint/2010/main" val="382697456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racking in 1d</a:t>
            </a:r>
            <a:endParaRPr lang="de-CH" dirty="0"/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2450" r="8926" b="8227"/>
          <a:stretch/>
        </p:blipFill>
        <p:spPr>
          <a:xfrm>
            <a:off x="281273" y="4148703"/>
            <a:ext cx="11643307" cy="2490994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533" t="3650" r="16988" b="10183"/>
          <a:stretch/>
        </p:blipFill>
        <p:spPr>
          <a:xfrm>
            <a:off x="8237838" y="365760"/>
            <a:ext cx="3591698" cy="3446177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1998" t="6085" r="8415" b="8871"/>
          <a:stretch/>
        </p:blipFill>
        <p:spPr>
          <a:xfrm>
            <a:off x="4103191" y="479622"/>
            <a:ext cx="3665838" cy="3397972"/>
          </a:xfrm>
          <a:prstGeom prst="rect">
            <a:avLst/>
          </a:prstGeom>
        </p:spPr>
      </p:pic>
      <p:sp>
        <p:nvSpPr>
          <p:cNvPr id="8" name="Rectangle 7"/>
          <p:cNvSpPr/>
          <p:nvPr/>
        </p:nvSpPr>
        <p:spPr>
          <a:xfrm>
            <a:off x="5763491" y="542925"/>
            <a:ext cx="172619" cy="3269012"/>
          </a:xfrm>
          <a:prstGeom prst="rect">
            <a:avLst/>
          </a:prstGeom>
          <a:solidFill>
            <a:schemeClr val="accent1">
              <a:alpha val="4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tIns="0" rtlCol="0" anchor="t" anchorCtr="1">
            <a:noAutofit/>
          </a:bodyPr>
          <a:lstStyle/>
          <a:p>
            <a:pPr algn="ctr"/>
            <a:endParaRPr lang="de-CH" dirty="0"/>
          </a:p>
        </p:txBody>
      </p:sp>
      <p:sp>
        <p:nvSpPr>
          <p:cNvPr id="10" name="TextBox 9"/>
          <p:cNvSpPr txBox="1"/>
          <p:nvPr/>
        </p:nvSpPr>
        <p:spPr>
          <a:xfrm>
            <a:off x="4682325" y="173593"/>
            <a:ext cx="232146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>
                <a:solidFill>
                  <a:schemeClr val="accent1">
                    <a:lumMod val="50000"/>
                  </a:schemeClr>
                </a:solidFill>
                <a:latin typeface="Gentium Basic" panose="02000503060000020004" pitchFamily="2" charset="0"/>
              </a:rPr>
              <a:t>initial camera position</a:t>
            </a:r>
            <a:endParaRPr lang="de-CH" dirty="0">
              <a:solidFill>
                <a:schemeClr val="accent1">
                  <a:lumMod val="50000"/>
                </a:schemeClr>
              </a:solidFill>
              <a:latin typeface="Gentium Basic" panose="02000503060000020004" pitchFamily="2" charset="0"/>
            </a:endParaRPr>
          </a:p>
        </p:txBody>
      </p:sp>
      <p:sp>
        <p:nvSpPr>
          <p:cNvPr id="11" name="Rectangle 10"/>
          <p:cNvSpPr/>
          <p:nvPr/>
        </p:nvSpPr>
        <p:spPr>
          <a:xfrm>
            <a:off x="9870236" y="524453"/>
            <a:ext cx="172619" cy="3269012"/>
          </a:xfrm>
          <a:prstGeom prst="rect">
            <a:avLst/>
          </a:prstGeom>
          <a:solidFill>
            <a:schemeClr val="accent1">
              <a:alpha val="4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tIns="0" rtlCol="0" anchor="t" anchorCtr="1">
            <a:noAutofit/>
          </a:bodyPr>
          <a:lstStyle/>
          <a:p>
            <a:pPr algn="ctr"/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79883046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 animBg="1"/>
      <p:bldP spid="10" grpId="0"/>
      <p:bldP spid="11" grpId="0" animBg="1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8724067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racking: we’ve got an event!</a:t>
            </a:r>
            <a:endParaRPr lang="de-CH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24368" y="1685606"/>
            <a:ext cx="11157118" cy="4351337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en-US" sz="2400" dirty="0" smtClean="0"/>
              <a:t>Where did we come from? Where was the last event of this pixel generated?</a:t>
            </a:r>
            <a:endParaRPr lang="de-CH" sz="2400" dirty="0"/>
          </a:p>
        </p:txBody>
      </p:sp>
      <p:sp>
        <p:nvSpPr>
          <p:cNvPr id="4" name="Rectangle 3"/>
          <p:cNvSpPr/>
          <p:nvPr/>
        </p:nvSpPr>
        <p:spPr>
          <a:xfrm>
            <a:off x="516864" y="2709962"/>
            <a:ext cx="3600000" cy="1440000"/>
          </a:xfrm>
          <a:prstGeom prst="rect">
            <a:avLst/>
          </a:prstGeom>
        </p:spPr>
        <p:style>
          <a:lnRef idx="2">
            <a:schemeClr val="accent2"/>
          </a:lnRef>
          <a:fillRef idx="1002">
            <a:schemeClr val="lt2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8" name="Freeform 7"/>
          <p:cNvSpPr/>
          <p:nvPr/>
        </p:nvSpPr>
        <p:spPr>
          <a:xfrm>
            <a:off x="513239" y="2965265"/>
            <a:ext cx="3609975" cy="1184697"/>
          </a:xfrm>
          <a:custGeom>
            <a:avLst/>
            <a:gdLst>
              <a:gd name="connsiteX0" fmla="*/ 0 w 3597275"/>
              <a:gd name="connsiteY0" fmla="*/ 1144701 h 1187485"/>
              <a:gd name="connsiteX1" fmla="*/ 479425 w 3597275"/>
              <a:gd name="connsiteY1" fmla="*/ 1141526 h 1187485"/>
              <a:gd name="connsiteX2" fmla="*/ 955675 w 3597275"/>
              <a:gd name="connsiteY2" fmla="*/ 674801 h 1187485"/>
              <a:gd name="connsiteX3" fmla="*/ 1200150 w 3597275"/>
              <a:gd name="connsiteY3" fmla="*/ 100126 h 1187485"/>
              <a:gd name="connsiteX4" fmla="*/ 1466850 w 3597275"/>
              <a:gd name="connsiteY4" fmla="*/ 55676 h 1187485"/>
              <a:gd name="connsiteX5" fmla="*/ 1730375 w 3597275"/>
              <a:gd name="connsiteY5" fmla="*/ 677976 h 1187485"/>
              <a:gd name="connsiteX6" fmla="*/ 2365375 w 3597275"/>
              <a:gd name="connsiteY6" fmla="*/ 998651 h 1187485"/>
              <a:gd name="connsiteX7" fmla="*/ 3597275 w 3597275"/>
              <a:gd name="connsiteY7" fmla="*/ 1170101 h 1187485"/>
              <a:gd name="connsiteX0" fmla="*/ 0 w 3597275"/>
              <a:gd name="connsiteY0" fmla="*/ 1144701 h 1170101"/>
              <a:gd name="connsiteX1" fmla="*/ 479425 w 3597275"/>
              <a:gd name="connsiteY1" fmla="*/ 1141526 h 1170101"/>
              <a:gd name="connsiteX2" fmla="*/ 955675 w 3597275"/>
              <a:gd name="connsiteY2" fmla="*/ 674801 h 1170101"/>
              <a:gd name="connsiteX3" fmla="*/ 1200150 w 3597275"/>
              <a:gd name="connsiteY3" fmla="*/ 100126 h 1170101"/>
              <a:gd name="connsiteX4" fmla="*/ 1466850 w 3597275"/>
              <a:gd name="connsiteY4" fmla="*/ 55676 h 1170101"/>
              <a:gd name="connsiteX5" fmla="*/ 1730375 w 3597275"/>
              <a:gd name="connsiteY5" fmla="*/ 677976 h 1170101"/>
              <a:gd name="connsiteX6" fmla="*/ 2365375 w 3597275"/>
              <a:gd name="connsiteY6" fmla="*/ 998651 h 1170101"/>
              <a:gd name="connsiteX7" fmla="*/ 3597275 w 3597275"/>
              <a:gd name="connsiteY7" fmla="*/ 1170101 h 1170101"/>
              <a:gd name="connsiteX0" fmla="*/ 0 w 3597275"/>
              <a:gd name="connsiteY0" fmla="*/ 1144701 h 1170101"/>
              <a:gd name="connsiteX1" fmla="*/ 469900 w 3597275"/>
              <a:gd name="connsiteY1" fmla="*/ 1093901 h 1170101"/>
              <a:gd name="connsiteX2" fmla="*/ 955675 w 3597275"/>
              <a:gd name="connsiteY2" fmla="*/ 674801 h 1170101"/>
              <a:gd name="connsiteX3" fmla="*/ 1200150 w 3597275"/>
              <a:gd name="connsiteY3" fmla="*/ 100126 h 1170101"/>
              <a:gd name="connsiteX4" fmla="*/ 1466850 w 3597275"/>
              <a:gd name="connsiteY4" fmla="*/ 55676 h 1170101"/>
              <a:gd name="connsiteX5" fmla="*/ 1730375 w 3597275"/>
              <a:gd name="connsiteY5" fmla="*/ 677976 h 1170101"/>
              <a:gd name="connsiteX6" fmla="*/ 2365375 w 3597275"/>
              <a:gd name="connsiteY6" fmla="*/ 998651 h 1170101"/>
              <a:gd name="connsiteX7" fmla="*/ 3597275 w 3597275"/>
              <a:gd name="connsiteY7" fmla="*/ 1170101 h 1170101"/>
              <a:gd name="connsiteX0" fmla="*/ 0 w 3597275"/>
              <a:gd name="connsiteY0" fmla="*/ 1176451 h 1191215"/>
              <a:gd name="connsiteX1" fmla="*/ 469900 w 3597275"/>
              <a:gd name="connsiteY1" fmla="*/ 1093901 h 1191215"/>
              <a:gd name="connsiteX2" fmla="*/ 955675 w 3597275"/>
              <a:gd name="connsiteY2" fmla="*/ 674801 h 1191215"/>
              <a:gd name="connsiteX3" fmla="*/ 1200150 w 3597275"/>
              <a:gd name="connsiteY3" fmla="*/ 100126 h 1191215"/>
              <a:gd name="connsiteX4" fmla="*/ 1466850 w 3597275"/>
              <a:gd name="connsiteY4" fmla="*/ 55676 h 1191215"/>
              <a:gd name="connsiteX5" fmla="*/ 1730375 w 3597275"/>
              <a:gd name="connsiteY5" fmla="*/ 677976 h 1191215"/>
              <a:gd name="connsiteX6" fmla="*/ 2365375 w 3597275"/>
              <a:gd name="connsiteY6" fmla="*/ 998651 h 1191215"/>
              <a:gd name="connsiteX7" fmla="*/ 3597275 w 3597275"/>
              <a:gd name="connsiteY7" fmla="*/ 1170101 h 1191215"/>
              <a:gd name="connsiteX0" fmla="*/ 0 w 3597275"/>
              <a:gd name="connsiteY0" fmla="*/ 1176451 h 1176451"/>
              <a:gd name="connsiteX1" fmla="*/ 469900 w 3597275"/>
              <a:gd name="connsiteY1" fmla="*/ 1093901 h 1176451"/>
              <a:gd name="connsiteX2" fmla="*/ 955675 w 3597275"/>
              <a:gd name="connsiteY2" fmla="*/ 674801 h 1176451"/>
              <a:gd name="connsiteX3" fmla="*/ 1200150 w 3597275"/>
              <a:gd name="connsiteY3" fmla="*/ 100126 h 1176451"/>
              <a:gd name="connsiteX4" fmla="*/ 1466850 w 3597275"/>
              <a:gd name="connsiteY4" fmla="*/ 55676 h 1176451"/>
              <a:gd name="connsiteX5" fmla="*/ 1730375 w 3597275"/>
              <a:gd name="connsiteY5" fmla="*/ 677976 h 1176451"/>
              <a:gd name="connsiteX6" fmla="*/ 2365375 w 3597275"/>
              <a:gd name="connsiteY6" fmla="*/ 998651 h 1176451"/>
              <a:gd name="connsiteX7" fmla="*/ 3597275 w 3597275"/>
              <a:gd name="connsiteY7" fmla="*/ 1170101 h 1176451"/>
              <a:gd name="connsiteX0" fmla="*/ 0 w 3597275"/>
              <a:gd name="connsiteY0" fmla="*/ 1176451 h 1176451"/>
              <a:gd name="connsiteX1" fmla="*/ 469900 w 3597275"/>
              <a:gd name="connsiteY1" fmla="*/ 1093901 h 1176451"/>
              <a:gd name="connsiteX2" fmla="*/ 955675 w 3597275"/>
              <a:gd name="connsiteY2" fmla="*/ 674801 h 1176451"/>
              <a:gd name="connsiteX3" fmla="*/ 1200150 w 3597275"/>
              <a:gd name="connsiteY3" fmla="*/ 100126 h 1176451"/>
              <a:gd name="connsiteX4" fmla="*/ 1466850 w 3597275"/>
              <a:gd name="connsiteY4" fmla="*/ 55676 h 1176451"/>
              <a:gd name="connsiteX5" fmla="*/ 1730375 w 3597275"/>
              <a:gd name="connsiteY5" fmla="*/ 677976 h 1176451"/>
              <a:gd name="connsiteX6" fmla="*/ 2365375 w 3597275"/>
              <a:gd name="connsiteY6" fmla="*/ 998651 h 1176451"/>
              <a:gd name="connsiteX7" fmla="*/ 3597275 w 3597275"/>
              <a:gd name="connsiteY7" fmla="*/ 1170101 h 1176451"/>
              <a:gd name="connsiteX0" fmla="*/ 0 w 3597275"/>
              <a:gd name="connsiteY0" fmla="*/ 1176451 h 1176451"/>
              <a:gd name="connsiteX1" fmla="*/ 469900 w 3597275"/>
              <a:gd name="connsiteY1" fmla="*/ 1093901 h 1176451"/>
              <a:gd name="connsiteX2" fmla="*/ 955675 w 3597275"/>
              <a:gd name="connsiteY2" fmla="*/ 674801 h 1176451"/>
              <a:gd name="connsiteX3" fmla="*/ 1200150 w 3597275"/>
              <a:gd name="connsiteY3" fmla="*/ 100126 h 1176451"/>
              <a:gd name="connsiteX4" fmla="*/ 1466850 w 3597275"/>
              <a:gd name="connsiteY4" fmla="*/ 55676 h 1176451"/>
              <a:gd name="connsiteX5" fmla="*/ 1730375 w 3597275"/>
              <a:gd name="connsiteY5" fmla="*/ 677976 h 1176451"/>
              <a:gd name="connsiteX6" fmla="*/ 2254250 w 3597275"/>
              <a:gd name="connsiteY6" fmla="*/ 1036751 h 1176451"/>
              <a:gd name="connsiteX7" fmla="*/ 3597275 w 3597275"/>
              <a:gd name="connsiteY7" fmla="*/ 1170101 h 1176451"/>
              <a:gd name="connsiteX0" fmla="*/ 0 w 3603625"/>
              <a:gd name="connsiteY0" fmla="*/ 1176451 h 1176451"/>
              <a:gd name="connsiteX1" fmla="*/ 469900 w 3603625"/>
              <a:gd name="connsiteY1" fmla="*/ 1093901 h 1176451"/>
              <a:gd name="connsiteX2" fmla="*/ 955675 w 3603625"/>
              <a:gd name="connsiteY2" fmla="*/ 674801 h 1176451"/>
              <a:gd name="connsiteX3" fmla="*/ 1200150 w 3603625"/>
              <a:gd name="connsiteY3" fmla="*/ 100126 h 1176451"/>
              <a:gd name="connsiteX4" fmla="*/ 1466850 w 3603625"/>
              <a:gd name="connsiteY4" fmla="*/ 55676 h 1176451"/>
              <a:gd name="connsiteX5" fmla="*/ 1730375 w 3603625"/>
              <a:gd name="connsiteY5" fmla="*/ 677976 h 1176451"/>
              <a:gd name="connsiteX6" fmla="*/ 2254250 w 3603625"/>
              <a:gd name="connsiteY6" fmla="*/ 1036751 h 1176451"/>
              <a:gd name="connsiteX7" fmla="*/ 3603625 w 3603625"/>
              <a:gd name="connsiteY7" fmla="*/ 1151051 h 1176451"/>
              <a:gd name="connsiteX0" fmla="*/ 0 w 3609975"/>
              <a:gd name="connsiteY0" fmla="*/ 1176451 h 1176451"/>
              <a:gd name="connsiteX1" fmla="*/ 469900 w 3609975"/>
              <a:gd name="connsiteY1" fmla="*/ 1093901 h 1176451"/>
              <a:gd name="connsiteX2" fmla="*/ 955675 w 3609975"/>
              <a:gd name="connsiteY2" fmla="*/ 674801 h 1176451"/>
              <a:gd name="connsiteX3" fmla="*/ 1200150 w 3609975"/>
              <a:gd name="connsiteY3" fmla="*/ 100126 h 1176451"/>
              <a:gd name="connsiteX4" fmla="*/ 1466850 w 3609975"/>
              <a:gd name="connsiteY4" fmla="*/ 55676 h 1176451"/>
              <a:gd name="connsiteX5" fmla="*/ 1730375 w 3609975"/>
              <a:gd name="connsiteY5" fmla="*/ 677976 h 1176451"/>
              <a:gd name="connsiteX6" fmla="*/ 2254250 w 3609975"/>
              <a:gd name="connsiteY6" fmla="*/ 1036751 h 1176451"/>
              <a:gd name="connsiteX7" fmla="*/ 3609975 w 3609975"/>
              <a:gd name="connsiteY7" fmla="*/ 1176451 h 1176451"/>
              <a:gd name="connsiteX0" fmla="*/ 0 w 3609975"/>
              <a:gd name="connsiteY0" fmla="*/ 1179504 h 1179504"/>
              <a:gd name="connsiteX1" fmla="*/ 469900 w 3609975"/>
              <a:gd name="connsiteY1" fmla="*/ 1096954 h 1179504"/>
              <a:gd name="connsiteX2" fmla="*/ 1034257 w 3609975"/>
              <a:gd name="connsiteY2" fmla="*/ 739766 h 1179504"/>
              <a:gd name="connsiteX3" fmla="*/ 1200150 w 3609975"/>
              <a:gd name="connsiteY3" fmla="*/ 103179 h 1179504"/>
              <a:gd name="connsiteX4" fmla="*/ 1466850 w 3609975"/>
              <a:gd name="connsiteY4" fmla="*/ 58729 h 1179504"/>
              <a:gd name="connsiteX5" fmla="*/ 1730375 w 3609975"/>
              <a:gd name="connsiteY5" fmla="*/ 681029 h 1179504"/>
              <a:gd name="connsiteX6" fmla="*/ 2254250 w 3609975"/>
              <a:gd name="connsiteY6" fmla="*/ 1039804 h 1179504"/>
              <a:gd name="connsiteX7" fmla="*/ 3609975 w 3609975"/>
              <a:gd name="connsiteY7" fmla="*/ 1179504 h 1179504"/>
              <a:gd name="connsiteX0" fmla="*/ 0 w 3609975"/>
              <a:gd name="connsiteY0" fmla="*/ 1184932 h 1184932"/>
              <a:gd name="connsiteX1" fmla="*/ 469900 w 3609975"/>
              <a:gd name="connsiteY1" fmla="*/ 1102382 h 1184932"/>
              <a:gd name="connsiteX2" fmla="*/ 1034257 w 3609975"/>
              <a:gd name="connsiteY2" fmla="*/ 745194 h 1184932"/>
              <a:gd name="connsiteX3" fmla="*/ 1200150 w 3609975"/>
              <a:gd name="connsiteY3" fmla="*/ 108607 h 1184932"/>
              <a:gd name="connsiteX4" fmla="*/ 1466850 w 3609975"/>
              <a:gd name="connsiteY4" fmla="*/ 64157 h 1184932"/>
              <a:gd name="connsiteX5" fmla="*/ 1632744 w 3609975"/>
              <a:gd name="connsiteY5" fmla="*/ 762657 h 1184932"/>
              <a:gd name="connsiteX6" fmla="*/ 2254250 w 3609975"/>
              <a:gd name="connsiteY6" fmla="*/ 1045232 h 1184932"/>
              <a:gd name="connsiteX7" fmla="*/ 3609975 w 3609975"/>
              <a:gd name="connsiteY7" fmla="*/ 1184932 h 1184932"/>
              <a:gd name="connsiteX0" fmla="*/ 0 w 3609975"/>
              <a:gd name="connsiteY0" fmla="*/ 1185614 h 1185614"/>
              <a:gd name="connsiteX1" fmla="*/ 469900 w 3609975"/>
              <a:gd name="connsiteY1" fmla="*/ 1103064 h 1185614"/>
              <a:gd name="connsiteX2" fmla="*/ 1034257 w 3609975"/>
              <a:gd name="connsiteY2" fmla="*/ 745876 h 1185614"/>
              <a:gd name="connsiteX3" fmla="*/ 1200150 w 3609975"/>
              <a:gd name="connsiteY3" fmla="*/ 109289 h 1185614"/>
              <a:gd name="connsiteX4" fmla="*/ 1466850 w 3609975"/>
              <a:gd name="connsiteY4" fmla="*/ 64839 h 1185614"/>
              <a:gd name="connsiteX5" fmla="*/ 1635126 w 3609975"/>
              <a:gd name="connsiteY5" fmla="*/ 772864 h 1185614"/>
              <a:gd name="connsiteX6" fmla="*/ 2254250 w 3609975"/>
              <a:gd name="connsiteY6" fmla="*/ 1045914 h 1185614"/>
              <a:gd name="connsiteX7" fmla="*/ 3609975 w 3609975"/>
              <a:gd name="connsiteY7" fmla="*/ 1185614 h 1185614"/>
              <a:gd name="connsiteX0" fmla="*/ 0 w 3609975"/>
              <a:gd name="connsiteY0" fmla="*/ 1164101 h 1164101"/>
              <a:gd name="connsiteX1" fmla="*/ 469900 w 3609975"/>
              <a:gd name="connsiteY1" fmla="*/ 1081551 h 1164101"/>
              <a:gd name="connsiteX2" fmla="*/ 1034257 w 3609975"/>
              <a:gd name="connsiteY2" fmla="*/ 724363 h 1164101"/>
              <a:gd name="connsiteX3" fmla="*/ 1200150 w 3609975"/>
              <a:gd name="connsiteY3" fmla="*/ 87776 h 1164101"/>
              <a:gd name="connsiteX4" fmla="*/ 1452562 w 3609975"/>
              <a:gd name="connsiteY4" fmla="*/ 76664 h 1164101"/>
              <a:gd name="connsiteX5" fmla="*/ 1635126 w 3609975"/>
              <a:gd name="connsiteY5" fmla="*/ 751351 h 1164101"/>
              <a:gd name="connsiteX6" fmla="*/ 2254250 w 3609975"/>
              <a:gd name="connsiteY6" fmla="*/ 1024401 h 1164101"/>
              <a:gd name="connsiteX7" fmla="*/ 3609975 w 3609975"/>
              <a:gd name="connsiteY7" fmla="*/ 1164101 h 1164101"/>
              <a:gd name="connsiteX0" fmla="*/ 0 w 3609975"/>
              <a:gd name="connsiteY0" fmla="*/ 1166995 h 1166995"/>
              <a:gd name="connsiteX1" fmla="*/ 469900 w 3609975"/>
              <a:gd name="connsiteY1" fmla="*/ 1084445 h 1166995"/>
              <a:gd name="connsiteX2" fmla="*/ 1034257 w 3609975"/>
              <a:gd name="connsiteY2" fmla="*/ 727257 h 1166995"/>
              <a:gd name="connsiteX3" fmla="*/ 1200150 w 3609975"/>
              <a:gd name="connsiteY3" fmla="*/ 90670 h 1166995"/>
              <a:gd name="connsiteX4" fmla="*/ 1452562 w 3609975"/>
              <a:gd name="connsiteY4" fmla="*/ 74795 h 1166995"/>
              <a:gd name="connsiteX5" fmla="*/ 1635126 w 3609975"/>
              <a:gd name="connsiteY5" fmla="*/ 754245 h 1166995"/>
              <a:gd name="connsiteX6" fmla="*/ 2254250 w 3609975"/>
              <a:gd name="connsiteY6" fmla="*/ 1027295 h 1166995"/>
              <a:gd name="connsiteX7" fmla="*/ 3609975 w 3609975"/>
              <a:gd name="connsiteY7" fmla="*/ 1166995 h 1166995"/>
              <a:gd name="connsiteX0" fmla="*/ 0 w 3609975"/>
              <a:gd name="connsiteY0" fmla="*/ 1166678 h 1166678"/>
              <a:gd name="connsiteX1" fmla="*/ 469900 w 3609975"/>
              <a:gd name="connsiteY1" fmla="*/ 1084128 h 1166678"/>
              <a:gd name="connsiteX2" fmla="*/ 1034257 w 3609975"/>
              <a:gd name="connsiteY2" fmla="*/ 726940 h 1166678"/>
              <a:gd name="connsiteX3" fmla="*/ 1200150 w 3609975"/>
              <a:gd name="connsiteY3" fmla="*/ 90353 h 1166678"/>
              <a:gd name="connsiteX4" fmla="*/ 1452562 w 3609975"/>
              <a:gd name="connsiteY4" fmla="*/ 74478 h 1166678"/>
              <a:gd name="connsiteX5" fmla="*/ 1749426 w 3609975"/>
              <a:gd name="connsiteY5" fmla="*/ 749166 h 1166678"/>
              <a:gd name="connsiteX6" fmla="*/ 2254250 w 3609975"/>
              <a:gd name="connsiteY6" fmla="*/ 1026978 h 1166678"/>
              <a:gd name="connsiteX7" fmla="*/ 3609975 w 3609975"/>
              <a:gd name="connsiteY7" fmla="*/ 1166678 h 1166678"/>
              <a:gd name="connsiteX0" fmla="*/ 0 w 3609975"/>
              <a:gd name="connsiteY0" fmla="*/ 1167409 h 1167409"/>
              <a:gd name="connsiteX1" fmla="*/ 469900 w 3609975"/>
              <a:gd name="connsiteY1" fmla="*/ 1084859 h 1167409"/>
              <a:gd name="connsiteX2" fmla="*/ 996157 w 3609975"/>
              <a:gd name="connsiteY2" fmla="*/ 740371 h 1167409"/>
              <a:gd name="connsiteX3" fmla="*/ 1200150 w 3609975"/>
              <a:gd name="connsiteY3" fmla="*/ 91084 h 1167409"/>
              <a:gd name="connsiteX4" fmla="*/ 1452562 w 3609975"/>
              <a:gd name="connsiteY4" fmla="*/ 75209 h 1167409"/>
              <a:gd name="connsiteX5" fmla="*/ 1749426 w 3609975"/>
              <a:gd name="connsiteY5" fmla="*/ 749897 h 1167409"/>
              <a:gd name="connsiteX6" fmla="*/ 2254250 w 3609975"/>
              <a:gd name="connsiteY6" fmla="*/ 1027709 h 1167409"/>
              <a:gd name="connsiteX7" fmla="*/ 3609975 w 3609975"/>
              <a:gd name="connsiteY7" fmla="*/ 1167409 h 1167409"/>
              <a:gd name="connsiteX0" fmla="*/ 0 w 3609975"/>
              <a:gd name="connsiteY0" fmla="*/ 1175941 h 1175941"/>
              <a:gd name="connsiteX1" fmla="*/ 469900 w 3609975"/>
              <a:gd name="connsiteY1" fmla="*/ 1093391 h 1175941"/>
              <a:gd name="connsiteX2" fmla="*/ 996157 w 3609975"/>
              <a:gd name="connsiteY2" fmla="*/ 748903 h 1175941"/>
              <a:gd name="connsiteX3" fmla="*/ 1225550 w 3609975"/>
              <a:gd name="connsiteY3" fmla="*/ 83741 h 1175941"/>
              <a:gd name="connsiteX4" fmla="*/ 1452562 w 3609975"/>
              <a:gd name="connsiteY4" fmla="*/ 83741 h 1175941"/>
              <a:gd name="connsiteX5" fmla="*/ 1749426 w 3609975"/>
              <a:gd name="connsiteY5" fmla="*/ 758429 h 1175941"/>
              <a:gd name="connsiteX6" fmla="*/ 2254250 w 3609975"/>
              <a:gd name="connsiteY6" fmla="*/ 1036241 h 1175941"/>
              <a:gd name="connsiteX7" fmla="*/ 3609975 w 3609975"/>
              <a:gd name="connsiteY7" fmla="*/ 1175941 h 1175941"/>
              <a:gd name="connsiteX0" fmla="*/ 0 w 3609975"/>
              <a:gd name="connsiteY0" fmla="*/ 1175941 h 1175941"/>
              <a:gd name="connsiteX1" fmla="*/ 469900 w 3609975"/>
              <a:gd name="connsiteY1" fmla="*/ 1093391 h 1175941"/>
              <a:gd name="connsiteX2" fmla="*/ 996157 w 3609975"/>
              <a:gd name="connsiteY2" fmla="*/ 748903 h 1175941"/>
              <a:gd name="connsiteX3" fmla="*/ 1225550 w 3609975"/>
              <a:gd name="connsiteY3" fmla="*/ 83741 h 1175941"/>
              <a:gd name="connsiteX4" fmla="*/ 1452562 w 3609975"/>
              <a:gd name="connsiteY4" fmla="*/ 83741 h 1175941"/>
              <a:gd name="connsiteX5" fmla="*/ 1749426 w 3609975"/>
              <a:gd name="connsiteY5" fmla="*/ 758429 h 1175941"/>
              <a:gd name="connsiteX6" fmla="*/ 1860506 w 3609975"/>
              <a:gd name="connsiteY6" fmla="*/ 877543 h 1175941"/>
              <a:gd name="connsiteX7" fmla="*/ 2254250 w 3609975"/>
              <a:gd name="connsiteY7" fmla="*/ 1036241 h 1175941"/>
              <a:gd name="connsiteX8" fmla="*/ 3609975 w 3609975"/>
              <a:gd name="connsiteY8" fmla="*/ 1175941 h 1175941"/>
              <a:gd name="connsiteX0" fmla="*/ 0 w 3609975"/>
              <a:gd name="connsiteY0" fmla="*/ 1175941 h 1175941"/>
              <a:gd name="connsiteX1" fmla="*/ 469900 w 3609975"/>
              <a:gd name="connsiteY1" fmla="*/ 1093391 h 1175941"/>
              <a:gd name="connsiteX2" fmla="*/ 996157 w 3609975"/>
              <a:gd name="connsiteY2" fmla="*/ 748903 h 1175941"/>
              <a:gd name="connsiteX3" fmla="*/ 1225550 w 3609975"/>
              <a:gd name="connsiteY3" fmla="*/ 83741 h 1175941"/>
              <a:gd name="connsiteX4" fmla="*/ 1452562 w 3609975"/>
              <a:gd name="connsiteY4" fmla="*/ 83741 h 1175941"/>
              <a:gd name="connsiteX5" fmla="*/ 1749426 w 3609975"/>
              <a:gd name="connsiteY5" fmla="*/ 758429 h 1175941"/>
              <a:gd name="connsiteX6" fmla="*/ 2028781 w 3609975"/>
              <a:gd name="connsiteY6" fmla="*/ 760068 h 1175941"/>
              <a:gd name="connsiteX7" fmla="*/ 2254250 w 3609975"/>
              <a:gd name="connsiteY7" fmla="*/ 1036241 h 1175941"/>
              <a:gd name="connsiteX8" fmla="*/ 3609975 w 3609975"/>
              <a:gd name="connsiteY8" fmla="*/ 1175941 h 1175941"/>
              <a:gd name="connsiteX0" fmla="*/ 0 w 3609975"/>
              <a:gd name="connsiteY0" fmla="*/ 1175941 h 1175941"/>
              <a:gd name="connsiteX1" fmla="*/ 469900 w 3609975"/>
              <a:gd name="connsiteY1" fmla="*/ 1093391 h 1175941"/>
              <a:gd name="connsiteX2" fmla="*/ 996157 w 3609975"/>
              <a:gd name="connsiteY2" fmla="*/ 748903 h 1175941"/>
              <a:gd name="connsiteX3" fmla="*/ 1225550 w 3609975"/>
              <a:gd name="connsiteY3" fmla="*/ 83741 h 1175941"/>
              <a:gd name="connsiteX4" fmla="*/ 1452562 w 3609975"/>
              <a:gd name="connsiteY4" fmla="*/ 83741 h 1175941"/>
              <a:gd name="connsiteX5" fmla="*/ 1749426 w 3609975"/>
              <a:gd name="connsiteY5" fmla="*/ 758429 h 1175941"/>
              <a:gd name="connsiteX6" fmla="*/ 2028781 w 3609975"/>
              <a:gd name="connsiteY6" fmla="*/ 760068 h 1175941"/>
              <a:gd name="connsiteX7" fmla="*/ 2254250 w 3609975"/>
              <a:gd name="connsiteY7" fmla="*/ 1036241 h 1175941"/>
              <a:gd name="connsiteX8" fmla="*/ 3609975 w 3609975"/>
              <a:gd name="connsiteY8" fmla="*/ 1175941 h 1175941"/>
              <a:gd name="connsiteX0" fmla="*/ 0 w 3609975"/>
              <a:gd name="connsiteY0" fmla="*/ 1184697 h 1184697"/>
              <a:gd name="connsiteX1" fmla="*/ 469900 w 3609975"/>
              <a:gd name="connsiteY1" fmla="*/ 1102147 h 1184697"/>
              <a:gd name="connsiteX2" fmla="*/ 996157 w 3609975"/>
              <a:gd name="connsiteY2" fmla="*/ 757659 h 1184697"/>
              <a:gd name="connsiteX3" fmla="*/ 1225550 w 3609975"/>
              <a:gd name="connsiteY3" fmla="*/ 92497 h 1184697"/>
              <a:gd name="connsiteX4" fmla="*/ 1452562 w 3609975"/>
              <a:gd name="connsiteY4" fmla="*/ 92497 h 1184697"/>
              <a:gd name="connsiteX5" fmla="*/ 1752601 w 3609975"/>
              <a:gd name="connsiteY5" fmla="*/ 903710 h 1184697"/>
              <a:gd name="connsiteX6" fmla="*/ 2028781 w 3609975"/>
              <a:gd name="connsiteY6" fmla="*/ 768824 h 1184697"/>
              <a:gd name="connsiteX7" fmla="*/ 2254250 w 3609975"/>
              <a:gd name="connsiteY7" fmla="*/ 1044997 h 1184697"/>
              <a:gd name="connsiteX8" fmla="*/ 3609975 w 3609975"/>
              <a:gd name="connsiteY8" fmla="*/ 1184697 h 1184697"/>
              <a:gd name="connsiteX0" fmla="*/ 0 w 3609975"/>
              <a:gd name="connsiteY0" fmla="*/ 1184697 h 1184697"/>
              <a:gd name="connsiteX1" fmla="*/ 469900 w 3609975"/>
              <a:gd name="connsiteY1" fmla="*/ 1102147 h 1184697"/>
              <a:gd name="connsiteX2" fmla="*/ 996157 w 3609975"/>
              <a:gd name="connsiteY2" fmla="*/ 757659 h 1184697"/>
              <a:gd name="connsiteX3" fmla="*/ 1225550 w 3609975"/>
              <a:gd name="connsiteY3" fmla="*/ 92497 h 1184697"/>
              <a:gd name="connsiteX4" fmla="*/ 1452562 w 3609975"/>
              <a:gd name="connsiteY4" fmla="*/ 92497 h 1184697"/>
              <a:gd name="connsiteX5" fmla="*/ 1752601 w 3609975"/>
              <a:gd name="connsiteY5" fmla="*/ 903710 h 1184697"/>
              <a:gd name="connsiteX6" fmla="*/ 2028781 w 3609975"/>
              <a:gd name="connsiteY6" fmla="*/ 768824 h 1184697"/>
              <a:gd name="connsiteX7" fmla="*/ 2254250 w 3609975"/>
              <a:gd name="connsiteY7" fmla="*/ 1044997 h 1184697"/>
              <a:gd name="connsiteX8" fmla="*/ 3609975 w 3609975"/>
              <a:gd name="connsiteY8" fmla="*/ 1184697 h 1184697"/>
              <a:gd name="connsiteX0" fmla="*/ 0 w 3609975"/>
              <a:gd name="connsiteY0" fmla="*/ 1184697 h 1184697"/>
              <a:gd name="connsiteX1" fmla="*/ 469900 w 3609975"/>
              <a:gd name="connsiteY1" fmla="*/ 1102147 h 1184697"/>
              <a:gd name="connsiteX2" fmla="*/ 996157 w 3609975"/>
              <a:gd name="connsiteY2" fmla="*/ 757659 h 1184697"/>
              <a:gd name="connsiteX3" fmla="*/ 1225550 w 3609975"/>
              <a:gd name="connsiteY3" fmla="*/ 92497 h 1184697"/>
              <a:gd name="connsiteX4" fmla="*/ 1452562 w 3609975"/>
              <a:gd name="connsiteY4" fmla="*/ 92497 h 1184697"/>
              <a:gd name="connsiteX5" fmla="*/ 1752601 w 3609975"/>
              <a:gd name="connsiteY5" fmla="*/ 903710 h 1184697"/>
              <a:gd name="connsiteX6" fmla="*/ 2028781 w 3609975"/>
              <a:gd name="connsiteY6" fmla="*/ 768824 h 1184697"/>
              <a:gd name="connsiteX7" fmla="*/ 2254250 w 3609975"/>
              <a:gd name="connsiteY7" fmla="*/ 1044997 h 1184697"/>
              <a:gd name="connsiteX8" fmla="*/ 3609975 w 3609975"/>
              <a:gd name="connsiteY8" fmla="*/ 1184697 h 1184697"/>
              <a:gd name="connsiteX0" fmla="*/ 0 w 3609975"/>
              <a:gd name="connsiteY0" fmla="*/ 1184697 h 1184697"/>
              <a:gd name="connsiteX1" fmla="*/ 469900 w 3609975"/>
              <a:gd name="connsiteY1" fmla="*/ 1102147 h 1184697"/>
              <a:gd name="connsiteX2" fmla="*/ 996157 w 3609975"/>
              <a:gd name="connsiteY2" fmla="*/ 757659 h 1184697"/>
              <a:gd name="connsiteX3" fmla="*/ 1225550 w 3609975"/>
              <a:gd name="connsiteY3" fmla="*/ 92497 h 1184697"/>
              <a:gd name="connsiteX4" fmla="*/ 1452562 w 3609975"/>
              <a:gd name="connsiteY4" fmla="*/ 92497 h 1184697"/>
              <a:gd name="connsiteX5" fmla="*/ 1752601 w 3609975"/>
              <a:gd name="connsiteY5" fmla="*/ 903710 h 1184697"/>
              <a:gd name="connsiteX6" fmla="*/ 2028781 w 3609975"/>
              <a:gd name="connsiteY6" fmla="*/ 768824 h 1184697"/>
              <a:gd name="connsiteX7" fmla="*/ 2409825 w 3609975"/>
              <a:gd name="connsiteY7" fmla="*/ 1064047 h 1184697"/>
              <a:gd name="connsiteX8" fmla="*/ 3609975 w 3609975"/>
              <a:gd name="connsiteY8" fmla="*/ 1184697 h 118469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3609975" h="1184697">
                <a:moveTo>
                  <a:pt x="0" y="1184697"/>
                </a:moveTo>
                <a:cubicBezTo>
                  <a:pt x="163248" y="1171468"/>
                  <a:pt x="303874" y="1173320"/>
                  <a:pt x="469900" y="1102147"/>
                </a:cubicBezTo>
                <a:cubicBezTo>
                  <a:pt x="635926" y="1030974"/>
                  <a:pt x="870215" y="925934"/>
                  <a:pt x="996157" y="757659"/>
                </a:cubicBezTo>
                <a:cubicBezTo>
                  <a:pt x="1122099" y="589384"/>
                  <a:pt x="1149483" y="203357"/>
                  <a:pt x="1225550" y="92497"/>
                </a:cubicBezTo>
                <a:cubicBezTo>
                  <a:pt x="1301618" y="-18363"/>
                  <a:pt x="1364720" y="-42705"/>
                  <a:pt x="1452562" y="92497"/>
                </a:cubicBezTo>
                <a:cubicBezTo>
                  <a:pt x="1540404" y="227699"/>
                  <a:pt x="1656564" y="790989"/>
                  <a:pt x="1752601" y="903710"/>
                </a:cubicBezTo>
                <a:cubicBezTo>
                  <a:pt x="1848638" y="1016431"/>
                  <a:pt x="1919244" y="742101"/>
                  <a:pt x="2028781" y="768824"/>
                </a:cubicBezTo>
                <a:cubicBezTo>
                  <a:pt x="2138318" y="795547"/>
                  <a:pt x="2146293" y="994735"/>
                  <a:pt x="2409825" y="1064047"/>
                </a:cubicBezTo>
                <a:cubicBezTo>
                  <a:pt x="2673357" y="1133359"/>
                  <a:pt x="2851150" y="1140247"/>
                  <a:pt x="3609975" y="1184697"/>
                </a:cubicBezTo>
              </a:path>
            </a:pathLst>
          </a:custGeom>
          <a:solidFill>
            <a:schemeClr val="accent2">
              <a:lumMod val="75000"/>
            </a:schemeClr>
          </a:solidFill>
          <a:ln w="25400">
            <a:solidFill>
              <a:schemeClr val="accent2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0" name="TextBox 9"/>
              <p:cNvSpPr txBox="1"/>
              <p:nvPr/>
            </p:nvSpPr>
            <p:spPr>
              <a:xfrm>
                <a:off x="510514" y="2340630"/>
                <a:ext cx="3580788" cy="369332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r>
                  <a:rPr lang="en-US" dirty="0" smtClean="0">
                    <a:latin typeface="Gentium Basic" panose="02000503060000020004" pitchFamily="2" charset="0"/>
                  </a:rPr>
                  <a:t>position at time of last event (</a:t>
                </a:r>
                <a14:m>
                  <m:oMath xmlns:m="http://schemas.openxmlformats.org/officeDocument/2006/math">
                    <m:r>
                      <a:rPr lang="en-US" b="0" i="1" smtClean="0">
                        <a:latin typeface="Cambria Math" panose="02040503050406030204" pitchFamily="18" charset="0"/>
                      </a:rPr>
                      <m:t>𝑡</m:t>
                    </m:r>
                    <m:r>
                      <a:rPr lang="en-US" b="0" i="1" smtClean="0">
                        <a:latin typeface="Cambria Math" panose="02040503050406030204" pitchFamily="18" charset="0"/>
                      </a:rPr>
                      <m:t>−</m:t>
                    </m:r>
                    <m:r>
                      <a:rPr lang="en-US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𝜏</m:t>
                    </m:r>
                  </m:oMath>
                </a14:m>
                <a:r>
                  <a:rPr lang="en-US" dirty="0" smtClean="0">
                    <a:latin typeface="Gentium Basic" panose="02000503060000020004" pitchFamily="2" charset="0"/>
                  </a:rPr>
                  <a:t>)</a:t>
                </a:r>
                <a:endParaRPr lang="de-CH" dirty="0">
                  <a:latin typeface="Gentium Basic" panose="02000503060000020004" pitchFamily="2" charset="0"/>
                </a:endParaRPr>
              </a:p>
            </p:txBody>
          </p:sp>
        </mc:Choice>
        <mc:Fallback xmlns="">
          <p:sp>
            <p:nvSpPr>
              <p:cNvPr id="10" name="TextBox 9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10514" y="2340630"/>
                <a:ext cx="3580788" cy="369332"/>
              </a:xfrm>
              <a:prstGeom prst="rect">
                <a:avLst/>
              </a:prstGeom>
              <a:blipFill rotWithShape="0">
                <a:blip r:embed="rId3"/>
                <a:stretch>
                  <a:fillRect l="-1533" t="-9836" r="-511" b="-24590"/>
                </a:stretch>
              </a:blipFill>
            </p:spPr>
            <p:txBody>
              <a:bodyPr/>
              <a:lstStyle/>
              <a:p>
                <a:r>
                  <a:rPr lang="de-CH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2" name="Rectangle 11"/>
          <p:cNvSpPr/>
          <p:nvPr/>
        </p:nvSpPr>
        <p:spPr>
          <a:xfrm>
            <a:off x="4300391" y="2709962"/>
            <a:ext cx="3600000" cy="1440000"/>
          </a:xfrm>
          <a:prstGeom prst="rect">
            <a:avLst/>
          </a:prstGeom>
        </p:spPr>
        <p:style>
          <a:lnRef idx="2">
            <a:schemeClr val="accent5"/>
          </a:lnRef>
          <a:fillRef idx="1002">
            <a:schemeClr val="lt2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e-CH" sz="1200" dirty="0">
              <a:latin typeface="Gentium Basic" panose="02000503060000020004" pitchFamily="2" charset="0"/>
            </a:endParaRPr>
          </a:p>
        </p:txBody>
      </p:sp>
      <p:sp>
        <p:nvSpPr>
          <p:cNvPr id="14" name="TextBox 13"/>
          <p:cNvSpPr txBox="1"/>
          <p:nvPr/>
        </p:nvSpPr>
        <p:spPr>
          <a:xfrm>
            <a:off x="4294041" y="2340630"/>
            <a:ext cx="263726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>
                <a:latin typeface="Gentium Basic" panose="02000503060000020004" pitchFamily="2" charset="0"/>
              </a:rPr>
              <a:t>intensity map (the image)</a:t>
            </a:r>
            <a:endParaRPr lang="de-CH" dirty="0">
              <a:latin typeface="Gentium Basic" panose="02000503060000020004" pitchFamily="2" charset="0"/>
            </a:endParaRPr>
          </a:p>
        </p:txBody>
      </p:sp>
      <p:cxnSp>
        <p:nvCxnSpPr>
          <p:cNvPr id="58" name="Straight Connector 57"/>
          <p:cNvCxnSpPr/>
          <p:nvPr/>
        </p:nvCxnSpPr>
        <p:spPr>
          <a:xfrm>
            <a:off x="4307620" y="3158008"/>
            <a:ext cx="3596249" cy="0"/>
          </a:xfrm>
          <a:prstGeom prst="line">
            <a:avLst/>
          </a:prstGeom>
          <a:ln w="25400">
            <a:solidFill>
              <a:schemeClr val="accent5"/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Freeform 14"/>
          <p:cNvSpPr/>
          <p:nvPr/>
        </p:nvSpPr>
        <p:spPr>
          <a:xfrm>
            <a:off x="4307620" y="2909178"/>
            <a:ext cx="3589020" cy="1126416"/>
          </a:xfrm>
          <a:custGeom>
            <a:avLst/>
            <a:gdLst>
              <a:gd name="connsiteX0" fmla="*/ 0 w 3589020"/>
              <a:gd name="connsiteY0" fmla="*/ 227256 h 1126416"/>
              <a:gd name="connsiteX1" fmla="*/ 281940 w 3589020"/>
              <a:gd name="connsiteY1" fmla="*/ 440616 h 1126416"/>
              <a:gd name="connsiteX2" fmla="*/ 411480 w 3589020"/>
              <a:gd name="connsiteY2" fmla="*/ 1019736 h 1126416"/>
              <a:gd name="connsiteX3" fmla="*/ 632460 w 3589020"/>
              <a:gd name="connsiteY3" fmla="*/ 661596 h 1126416"/>
              <a:gd name="connsiteX4" fmla="*/ 967740 w 3589020"/>
              <a:gd name="connsiteY4" fmla="*/ 867336 h 1126416"/>
              <a:gd name="connsiteX5" fmla="*/ 1463040 w 3589020"/>
              <a:gd name="connsiteY5" fmla="*/ 13896 h 1126416"/>
              <a:gd name="connsiteX6" fmla="*/ 2004060 w 3589020"/>
              <a:gd name="connsiteY6" fmla="*/ 326316 h 1126416"/>
              <a:gd name="connsiteX7" fmla="*/ 2781300 w 3589020"/>
              <a:gd name="connsiteY7" fmla="*/ 166296 h 1126416"/>
              <a:gd name="connsiteX8" fmla="*/ 3261360 w 3589020"/>
              <a:gd name="connsiteY8" fmla="*/ 935916 h 1126416"/>
              <a:gd name="connsiteX9" fmla="*/ 3589020 w 3589020"/>
              <a:gd name="connsiteY9" fmla="*/ 1126416 h 112641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3589020" h="1126416">
                <a:moveTo>
                  <a:pt x="0" y="227256"/>
                </a:moveTo>
                <a:cubicBezTo>
                  <a:pt x="106680" y="267896"/>
                  <a:pt x="213360" y="308536"/>
                  <a:pt x="281940" y="440616"/>
                </a:cubicBezTo>
                <a:cubicBezTo>
                  <a:pt x="350520" y="572696"/>
                  <a:pt x="353060" y="982906"/>
                  <a:pt x="411480" y="1019736"/>
                </a:cubicBezTo>
                <a:cubicBezTo>
                  <a:pt x="469900" y="1056566"/>
                  <a:pt x="539750" y="686996"/>
                  <a:pt x="632460" y="661596"/>
                </a:cubicBezTo>
                <a:cubicBezTo>
                  <a:pt x="725170" y="636196"/>
                  <a:pt x="829310" y="975286"/>
                  <a:pt x="967740" y="867336"/>
                </a:cubicBezTo>
                <a:cubicBezTo>
                  <a:pt x="1106170" y="759386"/>
                  <a:pt x="1290320" y="104066"/>
                  <a:pt x="1463040" y="13896"/>
                </a:cubicBezTo>
                <a:cubicBezTo>
                  <a:pt x="1635760" y="-76274"/>
                  <a:pt x="1784350" y="300916"/>
                  <a:pt x="2004060" y="326316"/>
                </a:cubicBezTo>
                <a:cubicBezTo>
                  <a:pt x="2223770" y="351716"/>
                  <a:pt x="2571750" y="64696"/>
                  <a:pt x="2781300" y="166296"/>
                </a:cubicBezTo>
                <a:cubicBezTo>
                  <a:pt x="2990850" y="267896"/>
                  <a:pt x="3126740" y="775896"/>
                  <a:pt x="3261360" y="935916"/>
                </a:cubicBezTo>
                <a:cubicBezTo>
                  <a:pt x="3395980" y="1095936"/>
                  <a:pt x="3531870" y="1038786"/>
                  <a:pt x="3589020" y="1126416"/>
                </a:cubicBezTo>
              </a:path>
            </a:pathLst>
          </a:custGeom>
          <a:noFill/>
          <a:ln w="25400">
            <a:solidFill>
              <a:schemeClr val="accent5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16" name="Rectangle 15"/>
          <p:cNvSpPr/>
          <p:nvPr/>
        </p:nvSpPr>
        <p:spPr>
          <a:xfrm>
            <a:off x="8075136" y="2709962"/>
            <a:ext cx="3600000" cy="1440000"/>
          </a:xfrm>
          <a:prstGeom prst="rect">
            <a:avLst/>
          </a:prstGeom>
        </p:spPr>
        <p:style>
          <a:lnRef idx="2">
            <a:schemeClr val="accent2"/>
          </a:lnRef>
          <a:fillRef idx="1002">
            <a:schemeClr val="lt2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17" name="Freeform 16"/>
          <p:cNvSpPr/>
          <p:nvPr/>
        </p:nvSpPr>
        <p:spPr>
          <a:xfrm>
            <a:off x="8071511" y="3139953"/>
            <a:ext cx="3609975" cy="1010008"/>
          </a:xfrm>
          <a:custGeom>
            <a:avLst/>
            <a:gdLst>
              <a:gd name="connsiteX0" fmla="*/ 0 w 3597275"/>
              <a:gd name="connsiteY0" fmla="*/ 1144701 h 1187485"/>
              <a:gd name="connsiteX1" fmla="*/ 479425 w 3597275"/>
              <a:gd name="connsiteY1" fmla="*/ 1141526 h 1187485"/>
              <a:gd name="connsiteX2" fmla="*/ 955675 w 3597275"/>
              <a:gd name="connsiteY2" fmla="*/ 674801 h 1187485"/>
              <a:gd name="connsiteX3" fmla="*/ 1200150 w 3597275"/>
              <a:gd name="connsiteY3" fmla="*/ 100126 h 1187485"/>
              <a:gd name="connsiteX4" fmla="*/ 1466850 w 3597275"/>
              <a:gd name="connsiteY4" fmla="*/ 55676 h 1187485"/>
              <a:gd name="connsiteX5" fmla="*/ 1730375 w 3597275"/>
              <a:gd name="connsiteY5" fmla="*/ 677976 h 1187485"/>
              <a:gd name="connsiteX6" fmla="*/ 2365375 w 3597275"/>
              <a:gd name="connsiteY6" fmla="*/ 998651 h 1187485"/>
              <a:gd name="connsiteX7" fmla="*/ 3597275 w 3597275"/>
              <a:gd name="connsiteY7" fmla="*/ 1170101 h 1187485"/>
              <a:gd name="connsiteX0" fmla="*/ 0 w 3597275"/>
              <a:gd name="connsiteY0" fmla="*/ 1144701 h 1170101"/>
              <a:gd name="connsiteX1" fmla="*/ 479425 w 3597275"/>
              <a:gd name="connsiteY1" fmla="*/ 1141526 h 1170101"/>
              <a:gd name="connsiteX2" fmla="*/ 955675 w 3597275"/>
              <a:gd name="connsiteY2" fmla="*/ 674801 h 1170101"/>
              <a:gd name="connsiteX3" fmla="*/ 1200150 w 3597275"/>
              <a:gd name="connsiteY3" fmla="*/ 100126 h 1170101"/>
              <a:gd name="connsiteX4" fmla="*/ 1466850 w 3597275"/>
              <a:gd name="connsiteY4" fmla="*/ 55676 h 1170101"/>
              <a:gd name="connsiteX5" fmla="*/ 1730375 w 3597275"/>
              <a:gd name="connsiteY5" fmla="*/ 677976 h 1170101"/>
              <a:gd name="connsiteX6" fmla="*/ 2365375 w 3597275"/>
              <a:gd name="connsiteY6" fmla="*/ 998651 h 1170101"/>
              <a:gd name="connsiteX7" fmla="*/ 3597275 w 3597275"/>
              <a:gd name="connsiteY7" fmla="*/ 1170101 h 1170101"/>
              <a:gd name="connsiteX0" fmla="*/ 0 w 3597275"/>
              <a:gd name="connsiteY0" fmla="*/ 1144701 h 1170101"/>
              <a:gd name="connsiteX1" fmla="*/ 469900 w 3597275"/>
              <a:gd name="connsiteY1" fmla="*/ 1093901 h 1170101"/>
              <a:gd name="connsiteX2" fmla="*/ 955675 w 3597275"/>
              <a:gd name="connsiteY2" fmla="*/ 674801 h 1170101"/>
              <a:gd name="connsiteX3" fmla="*/ 1200150 w 3597275"/>
              <a:gd name="connsiteY3" fmla="*/ 100126 h 1170101"/>
              <a:gd name="connsiteX4" fmla="*/ 1466850 w 3597275"/>
              <a:gd name="connsiteY4" fmla="*/ 55676 h 1170101"/>
              <a:gd name="connsiteX5" fmla="*/ 1730375 w 3597275"/>
              <a:gd name="connsiteY5" fmla="*/ 677976 h 1170101"/>
              <a:gd name="connsiteX6" fmla="*/ 2365375 w 3597275"/>
              <a:gd name="connsiteY6" fmla="*/ 998651 h 1170101"/>
              <a:gd name="connsiteX7" fmla="*/ 3597275 w 3597275"/>
              <a:gd name="connsiteY7" fmla="*/ 1170101 h 1170101"/>
              <a:gd name="connsiteX0" fmla="*/ 0 w 3597275"/>
              <a:gd name="connsiteY0" fmla="*/ 1176451 h 1191215"/>
              <a:gd name="connsiteX1" fmla="*/ 469900 w 3597275"/>
              <a:gd name="connsiteY1" fmla="*/ 1093901 h 1191215"/>
              <a:gd name="connsiteX2" fmla="*/ 955675 w 3597275"/>
              <a:gd name="connsiteY2" fmla="*/ 674801 h 1191215"/>
              <a:gd name="connsiteX3" fmla="*/ 1200150 w 3597275"/>
              <a:gd name="connsiteY3" fmla="*/ 100126 h 1191215"/>
              <a:gd name="connsiteX4" fmla="*/ 1466850 w 3597275"/>
              <a:gd name="connsiteY4" fmla="*/ 55676 h 1191215"/>
              <a:gd name="connsiteX5" fmla="*/ 1730375 w 3597275"/>
              <a:gd name="connsiteY5" fmla="*/ 677976 h 1191215"/>
              <a:gd name="connsiteX6" fmla="*/ 2365375 w 3597275"/>
              <a:gd name="connsiteY6" fmla="*/ 998651 h 1191215"/>
              <a:gd name="connsiteX7" fmla="*/ 3597275 w 3597275"/>
              <a:gd name="connsiteY7" fmla="*/ 1170101 h 1191215"/>
              <a:gd name="connsiteX0" fmla="*/ 0 w 3597275"/>
              <a:gd name="connsiteY0" fmla="*/ 1176451 h 1176451"/>
              <a:gd name="connsiteX1" fmla="*/ 469900 w 3597275"/>
              <a:gd name="connsiteY1" fmla="*/ 1093901 h 1176451"/>
              <a:gd name="connsiteX2" fmla="*/ 955675 w 3597275"/>
              <a:gd name="connsiteY2" fmla="*/ 674801 h 1176451"/>
              <a:gd name="connsiteX3" fmla="*/ 1200150 w 3597275"/>
              <a:gd name="connsiteY3" fmla="*/ 100126 h 1176451"/>
              <a:gd name="connsiteX4" fmla="*/ 1466850 w 3597275"/>
              <a:gd name="connsiteY4" fmla="*/ 55676 h 1176451"/>
              <a:gd name="connsiteX5" fmla="*/ 1730375 w 3597275"/>
              <a:gd name="connsiteY5" fmla="*/ 677976 h 1176451"/>
              <a:gd name="connsiteX6" fmla="*/ 2365375 w 3597275"/>
              <a:gd name="connsiteY6" fmla="*/ 998651 h 1176451"/>
              <a:gd name="connsiteX7" fmla="*/ 3597275 w 3597275"/>
              <a:gd name="connsiteY7" fmla="*/ 1170101 h 1176451"/>
              <a:gd name="connsiteX0" fmla="*/ 0 w 3597275"/>
              <a:gd name="connsiteY0" fmla="*/ 1176451 h 1176451"/>
              <a:gd name="connsiteX1" fmla="*/ 469900 w 3597275"/>
              <a:gd name="connsiteY1" fmla="*/ 1093901 h 1176451"/>
              <a:gd name="connsiteX2" fmla="*/ 955675 w 3597275"/>
              <a:gd name="connsiteY2" fmla="*/ 674801 h 1176451"/>
              <a:gd name="connsiteX3" fmla="*/ 1200150 w 3597275"/>
              <a:gd name="connsiteY3" fmla="*/ 100126 h 1176451"/>
              <a:gd name="connsiteX4" fmla="*/ 1466850 w 3597275"/>
              <a:gd name="connsiteY4" fmla="*/ 55676 h 1176451"/>
              <a:gd name="connsiteX5" fmla="*/ 1730375 w 3597275"/>
              <a:gd name="connsiteY5" fmla="*/ 677976 h 1176451"/>
              <a:gd name="connsiteX6" fmla="*/ 2365375 w 3597275"/>
              <a:gd name="connsiteY6" fmla="*/ 998651 h 1176451"/>
              <a:gd name="connsiteX7" fmla="*/ 3597275 w 3597275"/>
              <a:gd name="connsiteY7" fmla="*/ 1170101 h 1176451"/>
              <a:gd name="connsiteX0" fmla="*/ 0 w 3597275"/>
              <a:gd name="connsiteY0" fmla="*/ 1176451 h 1176451"/>
              <a:gd name="connsiteX1" fmla="*/ 469900 w 3597275"/>
              <a:gd name="connsiteY1" fmla="*/ 1093901 h 1176451"/>
              <a:gd name="connsiteX2" fmla="*/ 955675 w 3597275"/>
              <a:gd name="connsiteY2" fmla="*/ 674801 h 1176451"/>
              <a:gd name="connsiteX3" fmla="*/ 1200150 w 3597275"/>
              <a:gd name="connsiteY3" fmla="*/ 100126 h 1176451"/>
              <a:gd name="connsiteX4" fmla="*/ 1466850 w 3597275"/>
              <a:gd name="connsiteY4" fmla="*/ 55676 h 1176451"/>
              <a:gd name="connsiteX5" fmla="*/ 1730375 w 3597275"/>
              <a:gd name="connsiteY5" fmla="*/ 677976 h 1176451"/>
              <a:gd name="connsiteX6" fmla="*/ 2254250 w 3597275"/>
              <a:gd name="connsiteY6" fmla="*/ 1036751 h 1176451"/>
              <a:gd name="connsiteX7" fmla="*/ 3597275 w 3597275"/>
              <a:gd name="connsiteY7" fmla="*/ 1170101 h 1176451"/>
              <a:gd name="connsiteX0" fmla="*/ 0 w 3603625"/>
              <a:gd name="connsiteY0" fmla="*/ 1176451 h 1176451"/>
              <a:gd name="connsiteX1" fmla="*/ 469900 w 3603625"/>
              <a:gd name="connsiteY1" fmla="*/ 1093901 h 1176451"/>
              <a:gd name="connsiteX2" fmla="*/ 955675 w 3603625"/>
              <a:gd name="connsiteY2" fmla="*/ 674801 h 1176451"/>
              <a:gd name="connsiteX3" fmla="*/ 1200150 w 3603625"/>
              <a:gd name="connsiteY3" fmla="*/ 100126 h 1176451"/>
              <a:gd name="connsiteX4" fmla="*/ 1466850 w 3603625"/>
              <a:gd name="connsiteY4" fmla="*/ 55676 h 1176451"/>
              <a:gd name="connsiteX5" fmla="*/ 1730375 w 3603625"/>
              <a:gd name="connsiteY5" fmla="*/ 677976 h 1176451"/>
              <a:gd name="connsiteX6" fmla="*/ 2254250 w 3603625"/>
              <a:gd name="connsiteY6" fmla="*/ 1036751 h 1176451"/>
              <a:gd name="connsiteX7" fmla="*/ 3603625 w 3603625"/>
              <a:gd name="connsiteY7" fmla="*/ 1151051 h 1176451"/>
              <a:gd name="connsiteX0" fmla="*/ 0 w 3609975"/>
              <a:gd name="connsiteY0" fmla="*/ 1176451 h 1176451"/>
              <a:gd name="connsiteX1" fmla="*/ 469900 w 3609975"/>
              <a:gd name="connsiteY1" fmla="*/ 1093901 h 1176451"/>
              <a:gd name="connsiteX2" fmla="*/ 955675 w 3609975"/>
              <a:gd name="connsiteY2" fmla="*/ 674801 h 1176451"/>
              <a:gd name="connsiteX3" fmla="*/ 1200150 w 3609975"/>
              <a:gd name="connsiteY3" fmla="*/ 100126 h 1176451"/>
              <a:gd name="connsiteX4" fmla="*/ 1466850 w 3609975"/>
              <a:gd name="connsiteY4" fmla="*/ 55676 h 1176451"/>
              <a:gd name="connsiteX5" fmla="*/ 1730375 w 3609975"/>
              <a:gd name="connsiteY5" fmla="*/ 677976 h 1176451"/>
              <a:gd name="connsiteX6" fmla="*/ 2254250 w 3609975"/>
              <a:gd name="connsiteY6" fmla="*/ 1036751 h 1176451"/>
              <a:gd name="connsiteX7" fmla="*/ 3609975 w 3609975"/>
              <a:gd name="connsiteY7" fmla="*/ 1176451 h 1176451"/>
              <a:gd name="connsiteX0" fmla="*/ 0 w 3609975"/>
              <a:gd name="connsiteY0" fmla="*/ 1176451 h 1176451"/>
              <a:gd name="connsiteX1" fmla="*/ 469900 w 3609975"/>
              <a:gd name="connsiteY1" fmla="*/ 1093901 h 1176451"/>
              <a:gd name="connsiteX2" fmla="*/ 955675 w 3609975"/>
              <a:gd name="connsiteY2" fmla="*/ 674801 h 1176451"/>
              <a:gd name="connsiteX3" fmla="*/ 1200150 w 3609975"/>
              <a:gd name="connsiteY3" fmla="*/ 100126 h 1176451"/>
              <a:gd name="connsiteX4" fmla="*/ 1466850 w 3609975"/>
              <a:gd name="connsiteY4" fmla="*/ 55676 h 1176451"/>
              <a:gd name="connsiteX5" fmla="*/ 1730375 w 3609975"/>
              <a:gd name="connsiteY5" fmla="*/ 677976 h 1176451"/>
              <a:gd name="connsiteX6" fmla="*/ 2956214 w 3609975"/>
              <a:gd name="connsiteY6" fmla="*/ 445623 h 1176451"/>
              <a:gd name="connsiteX7" fmla="*/ 3609975 w 3609975"/>
              <a:gd name="connsiteY7" fmla="*/ 1176451 h 1176451"/>
              <a:gd name="connsiteX0" fmla="*/ 0 w 3609975"/>
              <a:gd name="connsiteY0" fmla="*/ 1195206 h 1195206"/>
              <a:gd name="connsiteX1" fmla="*/ 469900 w 3609975"/>
              <a:gd name="connsiteY1" fmla="*/ 1112656 h 1195206"/>
              <a:gd name="connsiteX2" fmla="*/ 955675 w 3609975"/>
              <a:gd name="connsiteY2" fmla="*/ 693556 h 1195206"/>
              <a:gd name="connsiteX3" fmla="*/ 1200150 w 3609975"/>
              <a:gd name="connsiteY3" fmla="*/ 118881 h 1195206"/>
              <a:gd name="connsiteX4" fmla="*/ 1466850 w 3609975"/>
              <a:gd name="connsiteY4" fmla="*/ 74431 h 1195206"/>
              <a:gd name="connsiteX5" fmla="*/ 2238375 w 3609975"/>
              <a:gd name="connsiteY5" fmla="*/ 955349 h 1195206"/>
              <a:gd name="connsiteX6" fmla="*/ 2956214 w 3609975"/>
              <a:gd name="connsiteY6" fmla="*/ 464378 h 1195206"/>
              <a:gd name="connsiteX7" fmla="*/ 3609975 w 3609975"/>
              <a:gd name="connsiteY7" fmla="*/ 1195206 h 1195206"/>
              <a:gd name="connsiteX0" fmla="*/ 0 w 3609975"/>
              <a:gd name="connsiteY0" fmla="*/ 1087710 h 1087710"/>
              <a:gd name="connsiteX1" fmla="*/ 469900 w 3609975"/>
              <a:gd name="connsiteY1" fmla="*/ 1005160 h 1087710"/>
              <a:gd name="connsiteX2" fmla="*/ 955675 w 3609975"/>
              <a:gd name="connsiteY2" fmla="*/ 586060 h 1087710"/>
              <a:gd name="connsiteX3" fmla="*/ 1200150 w 3609975"/>
              <a:gd name="connsiteY3" fmla="*/ 11385 h 1087710"/>
              <a:gd name="connsiteX4" fmla="*/ 1845541 w 3609975"/>
              <a:gd name="connsiteY4" fmla="*/ 253263 h 1087710"/>
              <a:gd name="connsiteX5" fmla="*/ 2238375 w 3609975"/>
              <a:gd name="connsiteY5" fmla="*/ 847853 h 1087710"/>
              <a:gd name="connsiteX6" fmla="*/ 2956214 w 3609975"/>
              <a:gd name="connsiteY6" fmla="*/ 356882 h 1087710"/>
              <a:gd name="connsiteX7" fmla="*/ 3609975 w 3609975"/>
              <a:gd name="connsiteY7" fmla="*/ 1087710 h 1087710"/>
              <a:gd name="connsiteX0" fmla="*/ 0 w 3609975"/>
              <a:gd name="connsiteY0" fmla="*/ 834718 h 834718"/>
              <a:gd name="connsiteX1" fmla="*/ 469900 w 3609975"/>
              <a:gd name="connsiteY1" fmla="*/ 752168 h 834718"/>
              <a:gd name="connsiteX2" fmla="*/ 955675 w 3609975"/>
              <a:gd name="connsiteY2" fmla="*/ 333068 h 834718"/>
              <a:gd name="connsiteX3" fmla="*/ 1468005 w 3609975"/>
              <a:gd name="connsiteY3" fmla="*/ 515775 h 834718"/>
              <a:gd name="connsiteX4" fmla="*/ 1845541 w 3609975"/>
              <a:gd name="connsiteY4" fmla="*/ 271 h 834718"/>
              <a:gd name="connsiteX5" fmla="*/ 2238375 w 3609975"/>
              <a:gd name="connsiteY5" fmla="*/ 594861 h 834718"/>
              <a:gd name="connsiteX6" fmla="*/ 2956214 w 3609975"/>
              <a:gd name="connsiteY6" fmla="*/ 103890 h 834718"/>
              <a:gd name="connsiteX7" fmla="*/ 3609975 w 3609975"/>
              <a:gd name="connsiteY7" fmla="*/ 834718 h 834718"/>
              <a:gd name="connsiteX0" fmla="*/ 0 w 3609975"/>
              <a:gd name="connsiteY0" fmla="*/ 1010145 h 1010145"/>
              <a:gd name="connsiteX1" fmla="*/ 469900 w 3609975"/>
              <a:gd name="connsiteY1" fmla="*/ 927595 h 1010145"/>
              <a:gd name="connsiteX2" fmla="*/ 955675 w 3609975"/>
              <a:gd name="connsiteY2" fmla="*/ 508495 h 1010145"/>
              <a:gd name="connsiteX3" fmla="*/ 1468005 w 3609975"/>
              <a:gd name="connsiteY3" fmla="*/ 691202 h 1010145"/>
              <a:gd name="connsiteX4" fmla="*/ 1845541 w 3609975"/>
              <a:gd name="connsiteY4" fmla="*/ 207 h 1010145"/>
              <a:gd name="connsiteX5" fmla="*/ 2238375 w 3609975"/>
              <a:gd name="connsiteY5" fmla="*/ 770288 h 1010145"/>
              <a:gd name="connsiteX6" fmla="*/ 2956214 w 3609975"/>
              <a:gd name="connsiteY6" fmla="*/ 279317 h 1010145"/>
              <a:gd name="connsiteX7" fmla="*/ 3609975 w 3609975"/>
              <a:gd name="connsiteY7" fmla="*/ 1010145 h 1010145"/>
              <a:gd name="connsiteX0" fmla="*/ 0 w 3609975"/>
              <a:gd name="connsiteY0" fmla="*/ 1010162 h 1010162"/>
              <a:gd name="connsiteX1" fmla="*/ 469900 w 3609975"/>
              <a:gd name="connsiteY1" fmla="*/ 927612 h 1010162"/>
              <a:gd name="connsiteX2" fmla="*/ 1029566 w 3609975"/>
              <a:gd name="connsiteY2" fmla="*/ 794840 h 1010162"/>
              <a:gd name="connsiteX3" fmla="*/ 1468005 w 3609975"/>
              <a:gd name="connsiteY3" fmla="*/ 691219 h 1010162"/>
              <a:gd name="connsiteX4" fmla="*/ 1845541 w 3609975"/>
              <a:gd name="connsiteY4" fmla="*/ 224 h 1010162"/>
              <a:gd name="connsiteX5" fmla="*/ 2238375 w 3609975"/>
              <a:gd name="connsiteY5" fmla="*/ 770305 h 1010162"/>
              <a:gd name="connsiteX6" fmla="*/ 2956214 w 3609975"/>
              <a:gd name="connsiteY6" fmla="*/ 279334 h 1010162"/>
              <a:gd name="connsiteX7" fmla="*/ 3609975 w 3609975"/>
              <a:gd name="connsiteY7" fmla="*/ 1010162 h 1010162"/>
              <a:gd name="connsiteX0" fmla="*/ 0 w 3609975"/>
              <a:gd name="connsiteY0" fmla="*/ 1010171 h 1010171"/>
              <a:gd name="connsiteX1" fmla="*/ 469900 w 3609975"/>
              <a:gd name="connsiteY1" fmla="*/ 927621 h 1010171"/>
              <a:gd name="connsiteX2" fmla="*/ 1468005 w 3609975"/>
              <a:gd name="connsiteY2" fmla="*/ 691228 h 1010171"/>
              <a:gd name="connsiteX3" fmla="*/ 1845541 w 3609975"/>
              <a:gd name="connsiteY3" fmla="*/ 233 h 1010171"/>
              <a:gd name="connsiteX4" fmla="*/ 2238375 w 3609975"/>
              <a:gd name="connsiteY4" fmla="*/ 770314 h 1010171"/>
              <a:gd name="connsiteX5" fmla="*/ 2956214 w 3609975"/>
              <a:gd name="connsiteY5" fmla="*/ 279343 h 1010171"/>
              <a:gd name="connsiteX6" fmla="*/ 3609975 w 3609975"/>
              <a:gd name="connsiteY6" fmla="*/ 1010171 h 1010171"/>
              <a:gd name="connsiteX0" fmla="*/ 0 w 3609975"/>
              <a:gd name="connsiteY0" fmla="*/ 1010171 h 1010171"/>
              <a:gd name="connsiteX1" fmla="*/ 469900 w 3609975"/>
              <a:gd name="connsiteY1" fmla="*/ 927621 h 1010171"/>
              <a:gd name="connsiteX2" fmla="*/ 1468005 w 3609975"/>
              <a:gd name="connsiteY2" fmla="*/ 691228 h 1010171"/>
              <a:gd name="connsiteX3" fmla="*/ 1845541 w 3609975"/>
              <a:gd name="connsiteY3" fmla="*/ 233 h 1010171"/>
              <a:gd name="connsiteX4" fmla="*/ 2238375 w 3609975"/>
              <a:gd name="connsiteY4" fmla="*/ 770314 h 1010171"/>
              <a:gd name="connsiteX5" fmla="*/ 2956214 w 3609975"/>
              <a:gd name="connsiteY5" fmla="*/ 279343 h 1010171"/>
              <a:gd name="connsiteX6" fmla="*/ 3609975 w 3609975"/>
              <a:gd name="connsiteY6" fmla="*/ 1010171 h 1010171"/>
              <a:gd name="connsiteX0" fmla="*/ 0 w 3609975"/>
              <a:gd name="connsiteY0" fmla="*/ 1010077 h 1010077"/>
              <a:gd name="connsiteX1" fmla="*/ 469900 w 3609975"/>
              <a:gd name="connsiteY1" fmla="*/ 927527 h 1010077"/>
              <a:gd name="connsiteX2" fmla="*/ 1468005 w 3609975"/>
              <a:gd name="connsiteY2" fmla="*/ 691134 h 1010077"/>
              <a:gd name="connsiteX3" fmla="*/ 1845541 w 3609975"/>
              <a:gd name="connsiteY3" fmla="*/ 139 h 1010077"/>
              <a:gd name="connsiteX4" fmla="*/ 2386157 w 3609975"/>
              <a:gd name="connsiteY4" fmla="*/ 751747 h 1010077"/>
              <a:gd name="connsiteX5" fmla="*/ 2956214 w 3609975"/>
              <a:gd name="connsiteY5" fmla="*/ 279249 h 1010077"/>
              <a:gd name="connsiteX6" fmla="*/ 3609975 w 3609975"/>
              <a:gd name="connsiteY6" fmla="*/ 1010077 h 1010077"/>
              <a:gd name="connsiteX0" fmla="*/ 0 w 3609975"/>
              <a:gd name="connsiteY0" fmla="*/ 1010077 h 1010077"/>
              <a:gd name="connsiteX1" fmla="*/ 469900 w 3609975"/>
              <a:gd name="connsiteY1" fmla="*/ 927527 h 1010077"/>
              <a:gd name="connsiteX2" fmla="*/ 1468005 w 3609975"/>
              <a:gd name="connsiteY2" fmla="*/ 691134 h 1010077"/>
              <a:gd name="connsiteX3" fmla="*/ 1845541 w 3609975"/>
              <a:gd name="connsiteY3" fmla="*/ 139 h 1010077"/>
              <a:gd name="connsiteX4" fmla="*/ 2386157 w 3609975"/>
              <a:gd name="connsiteY4" fmla="*/ 751747 h 1010077"/>
              <a:gd name="connsiteX5" fmla="*/ 2725305 w 3609975"/>
              <a:gd name="connsiteY5" fmla="*/ 306959 h 1010077"/>
              <a:gd name="connsiteX6" fmla="*/ 3609975 w 3609975"/>
              <a:gd name="connsiteY6" fmla="*/ 1010077 h 1010077"/>
              <a:gd name="connsiteX0" fmla="*/ 0 w 3609975"/>
              <a:gd name="connsiteY0" fmla="*/ 1010077 h 1010077"/>
              <a:gd name="connsiteX1" fmla="*/ 469900 w 3609975"/>
              <a:gd name="connsiteY1" fmla="*/ 927527 h 1010077"/>
              <a:gd name="connsiteX2" fmla="*/ 1468005 w 3609975"/>
              <a:gd name="connsiteY2" fmla="*/ 691134 h 1010077"/>
              <a:gd name="connsiteX3" fmla="*/ 1845541 w 3609975"/>
              <a:gd name="connsiteY3" fmla="*/ 139 h 1010077"/>
              <a:gd name="connsiteX4" fmla="*/ 2386157 w 3609975"/>
              <a:gd name="connsiteY4" fmla="*/ 751747 h 1010077"/>
              <a:gd name="connsiteX5" fmla="*/ 2725305 w 3609975"/>
              <a:gd name="connsiteY5" fmla="*/ 306959 h 1010077"/>
              <a:gd name="connsiteX6" fmla="*/ 3609975 w 3609975"/>
              <a:gd name="connsiteY6" fmla="*/ 1010077 h 1010077"/>
              <a:gd name="connsiteX0" fmla="*/ 0 w 3609975"/>
              <a:gd name="connsiteY0" fmla="*/ 1010012 h 1010012"/>
              <a:gd name="connsiteX1" fmla="*/ 469900 w 3609975"/>
              <a:gd name="connsiteY1" fmla="*/ 927462 h 1010012"/>
              <a:gd name="connsiteX2" fmla="*/ 1468005 w 3609975"/>
              <a:gd name="connsiteY2" fmla="*/ 691069 h 1010012"/>
              <a:gd name="connsiteX3" fmla="*/ 1845541 w 3609975"/>
              <a:gd name="connsiteY3" fmla="*/ 74 h 1010012"/>
              <a:gd name="connsiteX4" fmla="*/ 2386157 w 3609975"/>
              <a:gd name="connsiteY4" fmla="*/ 751682 h 1010012"/>
              <a:gd name="connsiteX5" fmla="*/ 2725305 w 3609975"/>
              <a:gd name="connsiteY5" fmla="*/ 306894 h 1010012"/>
              <a:gd name="connsiteX6" fmla="*/ 3609975 w 3609975"/>
              <a:gd name="connsiteY6" fmla="*/ 1010012 h 1010012"/>
              <a:gd name="connsiteX0" fmla="*/ 0 w 3609975"/>
              <a:gd name="connsiteY0" fmla="*/ 1010012 h 1010012"/>
              <a:gd name="connsiteX1" fmla="*/ 469900 w 3609975"/>
              <a:gd name="connsiteY1" fmla="*/ 927462 h 1010012"/>
              <a:gd name="connsiteX2" fmla="*/ 1468005 w 3609975"/>
              <a:gd name="connsiteY2" fmla="*/ 691069 h 1010012"/>
              <a:gd name="connsiteX3" fmla="*/ 1845541 w 3609975"/>
              <a:gd name="connsiteY3" fmla="*/ 74 h 1010012"/>
              <a:gd name="connsiteX4" fmla="*/ 2386157 w 3609975"/>
              <a:gd name="connsiteY4" fmla="*/ 751682 h 1010012"/>
              <a:gd name="connsiteX5" fmla="*/ 2725305 w 3609975"/>
              <a:gd name="connsiteY5" fmla="*/ 306894 h 1010012"/>
              <a:gd name="connsiteX6" fmla="*/ 3609975 w 3609975"/>
              <a:gd name="connsiteY6" fmla="*/ 1010012 h 1010012"/>
              <a:gd name="connsiteX0" fmla="*/ 0 w 3609975"/>
              <a:gd name="connsiteY0" fmla="*/ 1010008 h 1010008"/>
              <a:gd name="connsiteX1" fmla="*/ 469900 w 3609975"/>
              <a:gd name="connsiteY1" fmla="*/ 927458 h 1010008"/>
              <a:gd name="connsiteX2" fmla="*/ 1468005 w 3609975"/>
              <a:gd name="connsiteY2" fmla="*/ 691065 h 1010008"/>
              <a:gd name="connsiteX3" fmla="*/ 1845541 w 3609975"/>
              <a:gd name="connsiteY3" fmla="*/ 70 h 1010008"/>
              <a:gd name="connsiteX4" fmla="*/ 2386157 w 3609975"/>
              <a:gd name="connsiteY4" fmla="*/ 751678 h 1010008"/>
              <a:gd name="connsiteX5" fmla="*/ 2725305 w 3609975"/>
              <a:gd name="connsiteY5" fmla="*/ 306890 h 1010008"/>
              <a:gd name="connsiteX6" fmla="*/ 3609975 w 3609975"/>
              <a:gd name="connsiteY6" fmla="*/ 1010008 h 101000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3609975" h="1010008">
                <a:moveTo>
                  <a:pt x="0" y="1010008"/>
                </a:moveTo>
                <a:cubicBezTo>
                  <a:pt x="163248" y="996779"/>
                  <a:pt x="225233" y="980615"/>
                  <a:pt x="469900" y="927458"/>
                </a:cubicBezTo>
                <a:cubicBezTo>
                  <a:pt x="714567" y="874301"/>
                  <a:pt x="1238732" y="845630"/>
                  <a:pt x="1468005" y="691065"/>
                </a:cubicBezTo>
                <a:cubicBezTo>
                  <a:pt x="1697278" y="536500"/>
                  <a:pt x="1683279" y="8441"/>
                  <a:pt x="1845541" y="70"/>
                </a:cubicBezTo>
                <a:cubicBezTo>
                  <a:pt x="2007803" y="-8301"/>
                  <a:pt x="2211821" y="746722"/>
                  <a:pt x="2386157" y="751678"/>
                </a:cubicBezTo>
                <a:cubicBezTo>
                  <a:pt x="2560493" y="756634"/>
                  <a:pt x="2530572" y="300780"/>
                  <a:pt x="2725305" y="306890"/>
                </a:cubicBezTo>
                <a:cubicBezTo>
                  <a:pt x="2920038" y="313000"/>
                  <a:pt x="2851150" y="965558"/>
                  <a:pt x="3609975" y="1010008"/>
                </a:cubicBezTo>
              </a:path>
            </a:pathLst>
          </a:custGeom>
          <a:solidFill>
            <a:schemeClr val="accent2">
              <a:lumMod val="75000"/>
            </a:schemeClr>
          </a:solidFill>
          <a:ln w="25400">
            <a:solidFill>
              <a:schemeClr val="accent2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8" name="TextBox 17"/>
              <p:cNvSpPr txBox="1"/>
              <p:nvPr/>
            </p:nvSpPr>
            <p:spPr>
              <a:xfrm>
                <a:off x="8068786" y="2340630"/>
                <a:ext cx="3185167" cy="369332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r>
                  <a:rPr lang="en-US" dirty="0" smtClean="0">
                    <a:latin typeface="Gentium Basic" panose="02000503060000020004" pitchFamily="2" charset="0"/>
                  </a:rPr>
                  <a:t>last event at same pixel (</a:t>
                </a:r>
                <a14:m>
                  <m:oMath xmlns:m="http://schemas.openxmlformats.org/officeDocument/2006/math">
                    <m:r>
                      <a:rPr lang="en-US" b="0" i="1" smtClean="0">
                        <a:latin typeface="Cambria Math" panose="02040503050406030204" pitchFamily="18" charset="0"/>
                      </a:rPr>
                      <m:t>𝑡</m:t>
                    </m:r>
                    <m:r>
                      <a:rPr lang="en-US" b="0" i="1" smtClean="0">
                        <a:latin typeface="Cambria Math" panose="02040503050406030204" pitchFamily="18" charset="0"/>
                      </a:rPr>
                      <m:t>−</m:t>
                    </m:r>
                    <m:sSub>
                      <m:sSubPr>
                        <m:ctrlPr>
                          <a:rPr lang="en-US" b="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𝑐</m:t>
                        </m:r>
                      </m:sub>
                    </m:sSub>
                  </m:oMath>
                </a14:m>
                <a:r>
                  <a:rPr lang="en-US" dirty="0" smtClean="0">
                    <a:latin typeface="Gentium Basic" panose="02000503060000020004" pitchFamily="2" charset="0"/>
                  </a:rPr>
                  <a:t>)</a:t>
                </a:r>
                <a:endParaRPr lang="de-CH" dirty="0">
                  <a:latin typeface="Gentium Basic" panose="02000503060000020004" pitchFamily="2" charset="0"/>
                </a:endParaRPr>
              </a:p>
            </p:txBody>
          </p:sp>
        </mc:Choice>
        <mc:Fallback xmlns="">
          <p:sp>
            <p:nvSpPr>
              <p:cNvPr id="18" name="TextBox 17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068786" y="2340630"/>
                <a:ext cx="3185167" cy="369332"/>
              </a:xfrm>
              <a:prstGeom prst="rect">
                <a:avLst/>
              </a:prstGeom>
              <a:blipFill rotWithShape="0">
                <a:blip r:embed="rId4"/>
                <a:stretch>
                  <a:fillRect l="-1724" t="-9836" r="-766" b="-24590"/>
                </a:stretch>
              </a:blipFill>
            </p:spPr>
            <p:txBody>
              <a:bodyPr/>
              <a:lstStyle/>
              <a:p>
                <a:r>
                  <a:rPr lang="de-CH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0" name="TextBox 19"/>
              <p:cNvSpPr txBox="1"/>
              <p:nvPr/>
            </p:nvSpPr>
            <p:spPr>
              <a:xfrm>
                <a:off x="8065161" y="4149962"/>
                <a:ext cx="2472152" cy="369332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14:m>
                  <m:oMath xmlns:m="http://schemas.openxmlformats.org/officeDocument/2006/math">
                    <m:r>
                      <a:rPr lang="en-US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⇒</m:t>
                    </m:r>
                  </m:oMath>
                </a14:m>
                <a:r>
                  <a:rPr lang="en-US" dirty="0" smtClean="0">
                    <a:latin typeface="Gentium Basic" panose="02000503060000020004" pitchFamily="2" charset="0"/>
                  </a:rPr>
                  <a:t> possible origin points</a:t>
                </a:r>
                <a:endParaRPr lang="de-CH" dirty="0">
                  <a:latin typeface="Gentium Basic" panose="02000503060000020004" pitchFamily="2" charset="0"/>
                </a:endParaRPr>
              </a:p>
            </p:txBody>
          </p:sp>
        </mc:Choice>
        <mc:Fallback xmlns="">
          <p:sp>
            <p:nvSpPr>
              <p:cNvPr id="20" name="TextBox 19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065161" y="4149962"/>
                <a:ext cx="2472152" cy="369332"/>
              </a:xfrm>
              <a:prstGeom prst="rect">
                <a:avLst/>
              </a:prstGeom>
              <a:blipFill rotWithShape="0">
                <a:blip r:embed="rId5"/>
                <a:stretch>
                  <a:fillRect t="-10000" r="-1478" b="-26667"/>
                </a:stretch>
              </a:blipFill>
            </p:spPr>
            <p:txBody>
              <a:bodyPr/>
              <a:lstStyle/>
              <a:p>
                <a:r>
                  <a:rPr lang="de-CH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1" name="Rectangle 30"/>
          <p:cNvSpPr/>
          <p:nvPr/>
        </p:nvSpPr>
        <p:spPr>
          <a:xfrm>
            <a:off x="524368" y="4700145"/>
            <a:ext cx="3600000" cy="1440000"/>
          </a:xfrm>
          <a:prstGeom prst="rect">
            <a:avLst/>
          </a:prstGeom>
        </p:spPr>
        <p:style>
          <a:lnRef idx="2">
            <a:schemeClr val="accent2"/>
          </a:lnRef>
          <a:fillRef idx="1002">
            <a:schemeClr val="lt2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32" name="Freeform 31"/>
          <p:cNvSpPr/>
          <p:nvPr/>
        </p:nvSpPr>
        <p:spPr>
          <a:xfrm>
            <a:off x="520743" y="5435712"/>
            <a:ext cx="3609975" cy="704433"/>
          </a:xfrm>
          <a:custGeom>
            <a:avLst/>
            <a:gdLst>
              <a:gd name="connsiteX0" fmla="*/ 0 w 3597275"/>
              <a:gd name="connsiteY0" fmla="*/ 1144701 h 1187485"/>
              <a:gd name="connsiteX1" fmla="*/ 479425 w 3597275"/>
              <a:gd name="connsiteY1" fmla="*/ 1141526 h 1187485"/>
              <a:gd name="connsiteX2" fmla="*/ 955675 w 3597275"/>
              <a:gd name="connsiteY2" fmla="*/ 674801 h 1187485"/>
              <a:gd name="connsiteX3" fmla="*/ 1200150 w 3597275"/>
              <a:gd name="connsiteY3" fmla="*/ 100126 h 1187485"/>
              <a:gd name="connsiteX4" fmla="*/ 1466850 w 3597275"/>
              <a:gd name="connsiteY4" fmla="*/ 55676 h 1187485"/>
              <a:gd name="connsiteX5" fmla="*/ 1730375 w 3597275"/>
              <a:gd name="connsiteY5" fmla="*/ 677976 h 1187485"/>
              <a:gd name="connsiteX6" fmla="*/ 2365375 w 3597275"/>
              <a:gd name="connsiteY6" fmla="*/ 998651 h 1187485"/>
              <a:gd name="connsiteX7" fmla="*/ 3597275 w 3597275"/>
              <a:gd name="connsiteY7" fmla="*/ 1170101 h 1187485"/>
              <a:gd name="connsiteX0" fmla="*/ 0 w 3597275"/>
              <a:gd name="connsiteY0" fmla="*/ 1144701 h 1170101"/>
              <a:gd name="connsiteX1" fmla="*/ 479425 w 3597275"/>
              <a:gd name="connsiteY1" fmla="*/ 1141526 h 1170101"/>
              <a:gd name="connsiteX2" fmla="*/ 955675 w 3597275"/>
              <a:gd name="connsiteY2" fmla="*/ 674801 h 1170101"/>
              <a:gd name="connsiteX3" fmla="*/ 1200150 w 3597275"/>
              <a:gd name="connsiteY3" fmla="*/ 100126 h 1170101"/>
              <a:gd name="connsiteX4" fmla="*/ 1466850 w 3597275"/>
              <a:gd name="connsiteY4" fmla="*/ 55676 h 1170101"/>
              <a:gd name="connsiteX5" fmla="*/ 1730375 w 3597275"/>
              <a:gd name="connsiteY5" fmla="*/ 677976 h 1170101"/>
              <a:gd name="connsiteX6" fmla="*/ 2365375 w 3597275"/>
              <a:gd name="connsiteY6" fmla="*/ 998651 h 1170101"/>
              <a:gd name="connsiteX7" fmla="*/ 3597275 w 3597275"/>
              <a:gd name="connsiteY7" fmla="*/ 1170101 h 1170101"/>
              <a:gd name="connsiteX0" fmla="*/ 0 w 3597275"/>
              <a:gd name="connsiteY0" fmla="*/ 1144701 h 1170101"/>
              <a:gd name="connsiteX1" fmla="*/ 469900 w 3597275"/>
              <a:gd name="connsiteY1" fmla="*/ 1093901 h 1170101"/>
              <a:gd name="connsiteX2" fmla="*/ 955675 w 3597275"/>
              <a:gd name="connsiteY2" fmla="*/ 674801 h 1170101"/>
              <a:gd name="connsiteX3" fmla="*/ 1200150 w 3597275"/>
              <a:gd name="connsiteY3" fmla="*/ 100126 h 1170101"/>
              <a:gd name="connsiteX4" fmla="*/ 1466850 w 3597275"/>
              <a:gd name="connsiteY4" fmla="*/ 55676 h 1170101"/>
              <a:gd name="connsiteX5" fmla="*/ 1730375 w 3597275"/>
              <a:gd name="connsiteY5" fmla="*/ 677976 h 1170101"/>
              <a:gd name="connsiteX6" fmla="*/ 2365375 w 3597275"/>
              <a:gd name="connsiteY6" fmla="*/ 998651 h 1170101"/>
              <a:gd name="connsiteX7" fmla="*/ 3597275 w 3597275"/>
              <a:gd name="connsiteY7" fmla="*/ 1170101 h 1170101"/>
              <a:gd name="connsiteX0" fmla="*/ 0 w 3597275"/>
              <a:gd name="connsiteY0" fmla="*/ 1176451 h 1191215"/>
              <a:gd name="connsiteX1" fmla="*/ 469900 w 3597275"/>
              <a:gd name="connsiteY1" fmla="*/ 1093901 h 1191215"/>
              <a:gd name="connsiteX2" fmla="*/ 955675 w 3597275"/>
              <a:gd name="connsiteY2" fmla="*/ 674801 h 1191215"/>
              <a:gd name="connsiteX3" fmla="*/ 1200150 w 3597275"/>
              <a:gd name="connsiteY3" fmla="*/ 100126 h 1191215"/>
              <a:gd name="connsiteX4" fmla="*/ 1466850 w 3597275"/>
              <a:gd name="connsiteY4" fmla="*/ 55676 h 1191215"/>
              <a:gd name="connsiteX5" fmla="*/ 1730375 w 3597275"/>
              <a:gd name="connsiteY5" fmla="*/ 677976 h 1191215"/>
              <a:gd name="connsiteX6" fmla="*/ 2365375 w 3597275"/>
              <a:gd name="connsiteY6" fmla="*/ 998651 h 1191215"/>
              <a:gd name="connsiteX7" fmla="*/ 3597275 w 3597275"/>
              <a:gd name="connsiteY7" fmla="*/ 1170101 h 1191215"/>
              <a:gd name="connsiteX0" fmla="*/ 0 w 3597275"/>
              <a:gd name="connsiteY0" fmla="*/ 1176451 h 1176451"/>
              <a:gd name="connsiteX1" fmla="*/ 469900 w 3597275"/>
              <a:gd name="connsiteY1" fmla="*/ 1093901 h 1176451"/>
              <a:gd name="connsiteX2" fmla="*/ 955675 w 3597275"/>
              <a:gd name="connsiteY2" fmla="*/ 674801 h 1176451"/>
              <a:gd name="connsiteX3" fmla="*/ 1200150 w 3597275"/>
              <a:gd name="connsiteY3" fmla="*/ 100126 h 1176451"/>
              <a:gd name="connsiteX4" fmla="*/ 1466850 w 3597275"/>
              <a:gd name="connsiteY4" fmla="*/ 55676 h 1176451"/>
              <a:gd name="connsiteX5" fmla="*/ 1730375 w 3597275"/>
              <a:gd name="connsiteY5" fmla="*/ 677976 h 1176451"/>
              <a:gd name="connsiteX6" fmla="*/ 2365375 w 3597275"/>
              <a:gd name="connsiteY6" fmla="*/ 998651 h 1176451"/>
              <a:gd name="connsiteX7" fmla="*/ 3597275 w 3597275"/>
              <a:gd name="connsiteY7" fmla="*/ 1170101 h 1176451"/>
              <a:gd name="connsiteX0" fmla="*/ 0 w 3597275"/>
              <a:gd name="connsiteY0" fmla="*/ 1176451 h 1176451"/>
              <a:gd name="connsiteX1" fmla="*/ 469900 w 3597275"/>
              <a:gd name="connsiteY1" fmla="*/ 1093901 h 1176451"/>
              <a:gd name="connsiteX2" fmla="*/ 955675 w 3597275"/>
              <a:gd name="connsiteY2" fmla="*/ 674801 h 1176451"/>
              <a:gd name="connsiteX3" fmla="*/ 1200150 w 3597275"/>
              <a:gd name="connsiteY3" fmla="*/ 100126 h 1176451"/>
              <a:gd name="connsiteX4" fmla="*/ 1466850 w 3597275"/>
              <a:gd name="connsiteY4" fmla="*/ 55676 h 1176451"/>
              <a:gd name="connsiteX5" fmla="*/ 1730375 w 3597275"/>
              <a:gd name="connsiteY5" fmla="*/ 677976 h 1176451"/>
              <a:gd name="connsiteX6" fmla="*/ 2365375 w 3597275"/>
              <a:gd name="connsiteY6" fmla="*/ 998651 h 1176451"/>
              <a:gd name="connsiteX7" fmla="*/ 3597275 w 3597275"/>
              <a:gd name="connsiteY7" fmla="*/ 1170101 h 1176451"/>
              <a:gd name="connsiteX0" fmla="*/ 0 w 3597275"/>
              <a:gd name="connsiteY0" fmla="*/ 1176451 h 1176451"/>
              <a:gd name="connsiteX1" fmla="*/ 469900 w 3597275"/>
              <a:gd name="connsiteY1" fmla="*/ 1093901 h 1176451"/>
              <a:gd name="connsiteX2" fmla="*/ 955675 w 3597275"/>
              <a:gd name="connsiteY2" fmla="*/ 674801 h 1176451"/>
              <a:gd name="connsiteX3" fmla="*/ 1200150 w 3597275"/>
              <a:gd name="connsiteY3" fmla="*/ 100126 h 1176451"/>
              <a:gd name="connsiteX4" fmla="*/ 1466850 w 3597275"/>
              <a:gd name="connsiteY4" fmla="*/ 55676 h 1176451"/>
              <a:gd name="connsiteX5" fmla="*/ 1730375 w 3597275"/>
              <a:gd name="connsiteY5" fmla="*/ 677976 h 1176451"/>
              <a:gd name="connsiteX6" fmla="*/ 2254250 w 3597275"/>
              <a:gd name="connsiteY6" fmla="*/ 1036751 h 1176451"/>
              <a:gd name="connsiteX7" fmla="*/ 3597275 w 3597275"/>
              <a:gd name="connsiteY7" fmla="*/ 1170101 h 1176451"/>
              <a:gd name="connsiteX0" fmla="*/ 0 w 3603625"/>
              <a:gd name="connsiteY0" fmla="*/ 1176451 h 1176451"/>
              <a:gd name="connsiteX1" fmla="*/ 469900 w 3603625"/>
              <a:gd name="connsiteY1" fmla="*/ 1093901 h 1176451"/>
              <a:gd name="connsiteX2" fmla="*/ 955675 w 3603625"/>
              <a:gd name="connsiteY2" fmla="*/ 674801 h 1176451"/>
              <a:gd name="connsiteX3" fmla="*/ 1200150 w 3603625"/>
              <a:gd name="connsiteY3" fmla="*/ 100126 h 1176451"/>
              <a:gd name="connsiteX4" fmla="*/ 1466850 w 3603625"/>
              <a:gd name="connsiteY4" fmla="*/ 55676 h 1176451"/>
              <a:gd name="connsiteX5" fmla="*/ 1730375 w 3603625"/>
              <a:gd name="connsiteY5" fmla="*/ 677976 h 1176451"/>
              <a:gd name="connsiteX6" fmla="*/ 2254250 w 3603625"/>
              <a:gd name="connsiteY6" fmla="*/ 1036751 h 1176451"/>
              <a:gd name="connsiteX7" fmla="*/ 3603625 w 3603625"/>
              <a:gd name="connsiteY7" fmla="*/ 1151051 h 1176451"/>
              <a:gd name="connsiteX0" fmla="*/ 0 w 3609975"/>
              <a:gd name="connsiteY0" fmla="*/ 1176451 h 1176451"/>
              <a:gd name="connsiteX1" fmla="*/ 469900 w 3609975"/>
              <a:gd name="connsiteY1" fmla="*/ 1093901 h 1176451"/>
              <a:gd name="connsiteX2" fmla="*/ 955675 w 3609975"/>
              <a:gd name="connsiteY2" fmla="*/ 674801 h 1176451"/>
              <a:gd name="connsiteX3" fmla="*/ 1200150 w 3609975"/>
              <a:gd name="connsiteY3" fmla="*/ 100126 h 1176451"/>
              <a:gd name="connsiteX4" fmla="*/ 1466850 w 3609975"/>
              <a:gd name="connsiteY4" fmla="*/ 55676 h 1176451"/>
              <a:gd name="connsiteX5" fmla="*/ 1730375 w 3609975"/>
              <a:gd name="connsiteY5" fmla="*/ 677976 h 1176451"/>
              <a:gd name="connsiteX6" fmla="*/ 2254250 w 3609975"/>
              <a:gd name="connsiteY6" fmla="*/ 1036751 h 1176451"/>
              <a:gd name="connsiteX7" fmla="*/ 3609975 w 3609975"/>
              <a:gd name="connsiteY7" fmla="*/ 1176451 h 1176451"/>
              <a:gd name="connsiteX0" fmla="*/ 0 w 3609975"/>
              <a:gd name="connsiteY0" fmla="*/ 1179504 h 1179504"/>
              <a:gd name="connsiteX1" fmla="*/ 469900 w 3609975"/>
              <a:gd name="connsiteY1" fmla="*/ 1096954 h 1179504"/>
              <a:gd name="connsiteX2" fmla="*/ 1034257 w 3609975"/>
              <a:gd name="connsiteY2" fmla="*/ 739766 h 1179504"/>
              <a:gd name="connsiteX3" fmla="*/ 1200150 w 3609975"/>
              <a:gd name="connsiteY3" fmla="*/ 103179 h 1179504"/>
              <a:gd name="connsiteX4" fmla="*/ 1466850 w 3609975"/>
              <a:gd name="connsiteY4" fmla="*/ 58729 h 1179504"/>
              <a:gd name="connsiteX5" fmla="*/ 1730375 w 3609975"/>
              <a:gd name="connsiteY5" fmla="*/ 681029 h 1179504"/>
              <a:gd name="connsiteX6" fmla="*/ 2254250 w 3609975"/>
              <a:gd name="connsiteY6" fmla="*/ 1039804 h 1179504"/>
              <a:gd name="connsiteX7" fmla="*/ 3609975 w 3609975"/>
              <a:gd name="connsiteY7" fmla="*/ 1179504 h 1179504"/>
              <a:gd name="connsiteX0" fmla="*/ 0 w 3609975"/>
              <a:gd name="connsiteY0" fmla="*/ 1184932 h 1184932"/>
              <a:gd name="connsiteX1" fmla="*/ 469900 w 3609975"/>
              <a:gd name="connsiteY1" fmla="*/ 1102382 h 1184932"/>
              <a:gd name="connsiteX2" fmla="*/ 1034257 w 3609975"/>
              <a:gd name="connsiteY2" fmla="*/ 745194 h 1184932"/>
              <a:gd name="connsiteX3" fmla="*/ 1200150 w 3609975"/>
              <a:gd name="connsiteY3" fmla="*/ 108607 h 1184932"/>
              <a:gd name="connsiteX4" fmla="*/ 1466850 w 3609975"/>
              <a:gd name="connsiteY4" fmla="*/ 64157 h 1184932"/>
              <a:gd name="connsiteX5" fmla="*/ 1632744 w 3609975"/>
              <a:gd name="connsiteY5" fmla="*/ 762657 h 1184932"/>
              <a:gd name="connsiteX6" fmla="*/ 2254250 w 3609975"/>
              <a:gd name="connsiteY6" fmla="*/ 1045232 h 1184932"/>
              <a:gd name="connsiteX7" fmla="*/ 3609975 w 3609975"/>
              <a:gd name="connsiteY7" fmla="*/ 1184932 h 1184932"/>
              <a:gd name="connsiteX0" fmla="*/ 0 w 3609975"/>
              <a:gd name="connsiteY0" fmla="*/ 1185614 h 1185614"/>
              <a:gd name="connsiteX1" fmla="*/ 469900 w 3609975"/>
              <a:gd name="connsiteY1" fmla="*/ 1103064 h 1185614"/>
              <a:gd name="connsiteX2" fmla="*/ 1034257 w 3609975"/>
              <a:gd name="connsiteY2" fmla="*/ 745876 h 1185614"/>
              <a:gd name="connsiteX3" fmla="*/ 1200150 w 3609975"/>
              <a:gd name="connsiteY3" fmla="*/ 109289 h 1185614"/>
              <a:gd name="connsiteX4" fmla="*/ 1466850 w 3609975"/>
              <a:gd name="connsiteY4" fmla="*/ 64839 h 1185614"/>
              <a:gd name="connsiteX5" fmla="*/ 1635126 w 3609975"/>
              <a:gd name="connsiteY5" fmla="*/ 772864 h 1185614"/>
              <a:gd name="connsiteX6" fmla="*/ 2254250 w 3609975"/>
              <a:gd name="connsiteY6" fmla="*/ 1045914 h 1185614"/>
              <a:gd name="connsiteX7" fmla="*/ 3609975 w 3609975"/>
              <a:gd name="connsiteY7" fmla="*/ 1185614 h 1185614"/>
              <a:gd name="connsiteX0" fmla="*/ 0 w 3609975"/>
              <a:gd name="connsiteY0" fmla="*/ 1164101 h 1164101"/>
              <a:gd name="connsiteX1" fmla="*/ 469900 w 3609975"/>
              <a:gd name="connsiteY1" fmla="*/ 1081551 h 1164101"/>
              <a:gd name="connsiteX2" fmla="*/ 1034257 w 3609975"/>
              <a:gd name="connsiteY2" fmla="*/ 724363 h 1164101"/>
              <a:gd name="connsiteX3" fmla="*/ 1200150 w 3609975"/>
              <a:gd name="connsiteY3" fmla="*/ 87776 h 1164101"/>
              <a:gd name="connsiteX4" fmla="*/ 1452562 w 3609975"/>
              <a:gd name="connsiteY4" fmla="*/ 76664 h 1164101"/>
              <a:gd name="connsiteX5" fmla="*/ 1635126 w 3609975"/>
              <a:gd name="connsiteY5" fmla="*/ 751351 h 1164101"/>
              <a:gd name="connsiteX6" fmla="*/ 2254250 w 3609975"/>
              <a:gd name="connsiteY6" fmla="*/ 1024401 h 1164101"/>
              <a:gd name="connsiteX7" fmla="*/ 3609975 w 3609975"/>
              <a:gd name="connsiteY7" fmla="*/ 1164101 h 1164101"/>
              <a:gd name="connsiteX0" fmla="*/ 0 w 3609975"/>
              <a:gd name="connsiteY0" fmla="*/ 1166995 h 1166995"/>
              <a:gd name="connsiteX1" fmla="*/ 469900 w 3609975"/>
              <a:gd name="connsiteY1" fmla="*/ 1084445 h 1166995"/>
              <a:gd name="connsiteX2" fmla="*/ 1034257 w 3609975"/>
              <a:gd name="connsiteY2" fmla="*/ 727257 h 1166995"/>
              <a:gd name="connsiteX3" fmla="*/ 1200150 w 3609975"/>
              <a:gd name="connsiteY3" fmla="*/ 90670 h 1166995"/>
              <a:gd name="connsiteX4" fmla="*/ 1452562 w 3609975"/>
              <a:gd name="connsiteY4" fmla="*/ 74795 h 1166995"/>
              <a:gd name="connsiteX5" fmla="*/ 1635126 w 3609975"/>
              <a:gd name="connsiteY5" fmla="*/ 754245 h 1166995"/>
              <a:gd name="connsiteX6" fmla="*/ 2254250 w 3609975"/>
              <a:gd name="connsiteY6" fmla="*/ 1027295 h 1166995"/>
              <a:gd name="connsiteX7" fmla="*/ 3609975 w 3609975"/>
              <a:gd name="connsiteY7" fmla="*/ 1166995 h 1166995"/>
              <a:gd name="connsiteX0" fmla="*/ 0 w 3609975"/>
              <a:gd name="connsiteY0" fmla="*/ 1166678 h 1166678"/>
              <a:gd name="connsiteX1" fmla="*/ 469900 w 3609975"/>
              <a:gd name="connsiteY1" fmla="*/ 1084128 h 1166678"/>
              <a:gd name="connsiteX2" fmla="*/ 1034257 w 3609975"/>
              <a:gd name="connsiteY2" fmla="*/ 726940 h 1166678"/>
              <a:gd name="connsiteX3" fmla="*/ 1200150 w 3609975"/>
              <a:gd name="connsiteY3" fmla="*/ 90353 h 1166678"/>
              <a:gd name="connsiteX4" fmla="*/ 1452562 w 3609975"/>
              <a:gd name="connsiteY4" fmla="*/ 74478 h 1166678"/>
              <a:gd name="connsiteX5" fmla="*/ 1749426 w 3609975"/>
              <a:gd name="connsiteY5" fmla="*/ 749166 h 1166678"/>
              <a:gd name="connsiteX6" fmla="*/ 2254250 w 3609975"/>
              <a:gd name="connsiteY6" fmla="*/ 1026978 h 1166678"/>
              <a:gd name="connsiteX7" fmla="*/ 3609975 w 3609975"/>
              <a:gd name="connsiteY7" fmla="*/ 1166678 h 1166678"/>
              <a:gd name="connsiteX0" fmla="*/ 0 w 3609975"/>
              <a:gd name="connsiteY0" fmla="*/ 1167409 h 1167409"/>
              <a:gd name="connsiteX1" fmla="*/ 469900 w 3609975"/>
              <a:gd name="connsiteY1" fmla="*/ 1084859 h 1167409"/>
              <a:gd name="connsiteX2" fmla="*/ 996157 w 3609975"/>
              <a:gd name="connsiteY2" fmla="*/ 740371 h 1167409"/>
              <a:gd name="connsiteX3" fmla="*/ 1200150 w 3609975"/>
              <a:gd name="connsiteY3" fmla="*/ 91084 h 1167409"/>
              <a:gd name="connsiteX4" fmla="*/ 1452562 w 3609975"/>
              <a:gd name="connsiteY4" fmla="*/ 75209 h 1167409"/>
              <a:gd name="connsiteX5" fmla="*/ 1749426 w 3609975"/>
              <a:gd name="connsiteY5" fmla="*/ 749897 h 1167409"/>
              <a:gd name="connsiteX6" fmla="*/ 2254250 w 3609975"/>
              <a:gd name="connsiteY6" fmla="*/ 1027709 h 1167409"/>
              <a:gd name="connsiteX7" fmla="*/ 3609975 w 3609975"/>
              <a:gd name="connsiteY7" fmla="*/ 1167409 h 1167409"/>
              <a:gd name="connsiteX0" fmla="*/ 0 w 3609975"/>
              <a:gd name="connsiteY0" fmla="*/ 1175941 h 1175941"/>
              <a:gd name="connsiteX1" fmla="*/ 469900 w 3609975"/>
              <a:gd name="connsiteY1" fmla="*/ 1093391 h 1175941"/>
              <a:gd name="connsiteX2" fmla="*/ 996157 w 3609975"/>
              <a:gd name="connsiteY2" fmla="*/ 748903 h 1175941"/>
              <a:gd name="connsiteX3" fmla="*/ 1225550 w 3609975"/>
              <a:gd name="connsiteY3" fmla="*/ 83741 h 1175941"/>
              <a:gd name="connsiteX4" fmla="*/ 1452562 w 3609975"/>
              <a:gd name="connsiteY4" fmla="*/ 83741 h 1175941"/>
              <a:gd name="connsiteX5" fmla="*/ 1749426 w 3609975"/>
              <a:gd name="connsiteY5" fmla="*/ 758429 h 1175941"/>
              <a:gd name="connsiteX6" fmla="*/ 2254250 w 3609975"/>
              <a:gd name="connsiteY6" fmla="*/ 1036241 h 1175941"/>
              <a:gd name="connsiteX7" fmla="*/ 3609975 w 3609975"/>
              <a:gd name="connsiteY7" fmla="*/ 1175941 h 1175941"/>
              <a:gd name="connsiteX0" fmla="*/ 0 w 3609975"/>
              <a:gd name="connsiteY0" fmla="*/ 1175941 h 1175941"/>
              <a:gd name="connsiteX1" fmla="*/ 469900 w 3609975"/>
              <a:gd name="connsiteY1" fmla="*/ 1093391 h 1175941"/>
              <a:gd name="connsiteX2" fmla="*/ 996157 w 3609975"/>
              <a:gd name="connsiteY2" fmla="*/ 748903 h 1175941"/>
              <a:gd name="connsiteX3" fmla="*/ 1225550 w 3609975"/>
              <a:gd name="connsiteY3" fmla="*/ 83741 h 1175941"/>
              <a:gd name="connsiteX4" fmla="*/ 1452562 w 3609975"/>
              <a:gd name="connsiteY4" fmla="*/ 83741 h 1175941"/>
              <a:gd name="connsiteX5" fmla="*/ 1749426 w 3609975"/>
              <a:gd name="connsiteY5" fmla="*/ 758429 h 1175941"/>
              <a:gd name="connsiteX6" fmla="*/ 1860506 w 3609975"/>
              <a:gd name="connsiteY6" fmla="*/ 877543 h 1175941"/>
              <a:gd name="connsiteX7" fmla="*/ 2254250 w 3609975"/>
              <a:gd name="connsiteY7" fmla="*/ 1036241 h 1175941"/>
              <a:gd name="connsiteX8" fmla="*/ 3609975 w 3609975"/>
              <a:gd name="connsiteY8" fmla="*/ 1175941 h 1175941"/>
              <a:gd name="connsiteX0" fmla="*/ 0 w 3609975"/>
              <a:gd name="connsiteY0" fmla="*/ 1175941 h 1175941"/>
              <a:gd name="connsiteX1" fmla="*/ 469900 w 3609975"/>
              <a:gd name="connsiteY1" fmla="*/ 1093391 h 1175941"/>
              <a:gd name="connsiteX2" fmla="*/ 996157 w 3609975"/>
              <a:gd name="connsiteY2" fmla="*/ 748903 h 1175941"/>
              <a:gd name="connsiteX3" fmla="*/ 1225550 w 3609975"/>
              <a:gd name="connsiteY3" fmla="*/ 83741 h 1175941"/>
              <a:gd name="connsiteX4" fmla="*/ 1452562 w 3609975"/>
              <a:gd name="connsiteY4" fmla="*/ 83741 h 1175941"/>
              <a:gd name="connsiteX5" fmla="*/ 1749426 w 3609975"/>
              <a:gd name="connsiteY5" fmla="*/ 758429 h 1175941"/>
              <a:gd name="connsiteX6" fmla="*/ 2028781 w 3609975"/>
              <a:gd name="connsiteY6" fmla="*/ 760068 h 1175941"/>
              <a:gd name="connsiteX7" fmla="*/ 2254250 w 3609975"/>
              <a:gd name="connsiteY7" fmla="*/ 1036241 h 1175941"/>
              <a:gd name="connsiteX8" fmla="*/ 3609975 w 3609975"/>
              <a:gd name="connsiteY8" fmla="*/ 1175941 h 1175941"/>
              <a:gd name="connsiteX0" fmla="*/ 0 w 3609975"/>
              <a:gd name="connsiteY0" fmla="*/ 1175941 h 1175941"/>
              <a:gd name="connsiteX1" fmla="*/ 469900 w 3609975"/>
              <a:gd name="connsiteY1" fmla="*/ 1093391 h 1175941"/>
              <a:gd name="connsiteX2" fmla="*/ 996157 w 3609975"/>
              <a:gd name="connsiteY2" fmla="*/ 748903 h 1175941"/>
              <a:gd name="connsiteX3" fmla="*/ 1225550 w 3609975"/>
              <a:gd name="connsiteY3" fmla="*/ 83741 h 1175941"/>
              <a:gd name="connsiteX4" fmla="*/ 1452562 w 3609975"/>
              <a:gd name="connsiteY4" fmla="*/ 83741 h 1175941"/>
              <a:gd name="connsiteX5" fmla="*/ 1749426 w 3609975"/>
              <a:gd name="connsiteY5" fmla="*/ 758429 h 1175941"/>
              <a:gd name="connsiteX6" fmla="*/ 2028781 w 3609975"/>
              <a:gd name="connsiteY6" fmla="*/ 760068 h 1175941"/>
              <a:gd name="connsiteX7" fmla="*/ 2254250 w 3609975"/>
              <a:gd name="connsiteY7" fmla="*/ 1036241 h 1175941"/>
              <a:gd name="connsiteX8" fmla="*/ 3609975 w 3609975"/>
              <a:gd name="connsiteY8" fmla="*/ 1175941 h 1175941"/>
              <a:gd name="connsiteX0" fmla="*/ 0 w 3609975"/>
              <a:gd name="connsiteY0" fmla="*/ 1184697 h 1184697"/>
              <a:gd name="connsiteX1" fmla="*/ 469900 w 3609975"/>
              <a:gd name="connsiteY1" fmla="*/ 1102147 h 1184697"/>
              <a:gd name="connsiteX2" fmla="*/ 996157 w 3609975"/>
              <a:gd name="connsiteY2" fmla="*/ 757659 h 1184697"/>
              <a:gd name="connsiteX3" fmla="*/ 1225550 w 3609975"/>
              <a:gd name="connsiteY3" fmla="*/ 92497 h 1184697"/>
              <a:gd name="connsiteX4" fmla="*/ 1452562 w 3609975"/>
              <a:gd name="connsiteY4" fmla="*/ 92497 h 1184697"/>
              <a:gd name="connsiteX5" fmla="*/ 1752601 w 3609975"/>
              <a:gd name="connsiteY5" fmla="*/ 903710 h 1184697"/>
              <a:gd name="connsiteX6" fmla="*/ 2028781 w 3609975"/>
              <a:gd name="connsiteY6" fmla="*/ 768824 h 1184697"/>
              <a:gd name="connsiteX7" fmla="*/ 2254250 w 3609975"/>
              <a:gd name="connsiteY7" fmla="*/ 1044997 h 1184697"/>
              <a:gd name="connsiteX8" fmla="*/ 3609975 w 3609975"/>
              <a:gd name="connsiteY8" fmla="*/ 1184697 h 1184697"/>
              <a:gd name="connsiteX0" fmla="*/ 0 w 3609975"/>
              <a:gd name="connsiteY0" fmla="*/ 1184697 h 1184697"/>
              <a:gd name="connsiteX1" fmla="*/ 469900 w 3609975"/>
              <a:gd name="connsiteY1" fmla="*/ 1102147 h 1184697"/>
              <a:gd name="connsiteX2" fmla="*/ 996157 w 3609975"/>
              <a:gd name="connsiteY2" fmla="*/ 757659 h 1184697"/>
              <a:gd name="connsiteX3" fmla="*/ 1225550 w 3609975"/>
              <a:gd name="connsiteY3" fmla="*/ 92497 h 1184697"/>
              <a:gd name="connsiteX4" fmla="*/ 1452562 w 3609975"/>
              <a:gd name="connsiteY4" fmla="*/ 92497 h 1184697"/>
              <a:gd name="connsiteX5" fmla="*/ 1752601 w 3609975"/>
              <a:gd name="connsiteY5" fmla="*/ 903710 h 1184697"/>
              <a:gd name="connsiteX6" fmla="*/ 2028781 w 3609975"/>
              <a:gd name="connsiteY6" fmla="*/ 768824 h 1184697"/>
              <a:gd name="connsiteX7" fmla="*/ 2254250 w 3609975"/>
              <a:gd name="connsiteY7" fmla="*/ 1044997 h 1184697"/>
              <a:gd name="connsiteX8" fmla="*/ 3609975 w 3609975"/>
              <a:gd name="connsiteY8" fmla="*/ 1184697 h 1184697"/>
              <a:gd name="connsiteX0" fmla="*/ 0 w 3609975"/>
              <a:gd name="connsiteY0" fmla="*/ 1184697 h 1184697"/>
              <a:gd name="connsiteX1" fmla="*/ 469900 w 3609975"/>
              <a:gd name="connsiteY1" fmla="*/ 1102147 h 1184697"/>
              <a:gd name="connsiteX2" fmla="*/ 996157 w 3609975"/>
              <a:gd name="connsiteY2" fmla="*/ 757659 h 1184697"/>
              <a:gd name="connsiteX3" fmla="*/ 1225550 w 3609975"/>
              <a:gd name="connsiteY3" fmla="*/ 92497 h 1184697"/>
              <a:gd name="connsiteX4" fmla="*/ 1452562 w 3609975"/>
              <a:gd name="connsiteY4" fmla="*/ 92497 h 1184697"/>
              <a:gd name="connsiteX5" fmla="*/ 1752601 w 3609975"/>
              <a:gd name="connsiteY5" fmla="*/ 903710 h 1184697"/>
              <a:gd name="connsiteX6" fmla="*/ 2028781 w 3609975"/>
              <a:gd name="connsiteY6" fmla="*/ 768824 h 1184697"/>
              <a:gd name="connsiteX7" fmla="*/ 2254250 w 3609975"/>
              <a:gd name="connsiteY7" fmla="*/ 1044997 h 1184697"/>
              <a:gd name="connsiteX8" fmla="*/ 3609975 w 3609975"/>
              <a:gd name="connsiteY8" fmla="*/ 1184697 h 1184697"/>
              <a:gd name="connsiteX0" fmla="*/ 0 w 3609975"/>
              <a:gd name="connsiteY0" fmla="*/ 1184697 h 1184697"/>
              <a:gd name="connsiteX1" fmla="*/ 469900 w 3609975"/>
              <a:gd name="connsiteY1" fmla="*/ 1102147 h 1184697"/>
              <a:gd name="connsiteX2" fmla="*/ 996157 w 3609975"/>
              <a:gd name="connsiteY2" fmla="*/ 757659 h 1184697"/>
              <a:gd name="connsiteX3" fmla="*/ 1225550 w 3609975"/>
              <a:gd name="connsiteY3" fmla="*/ 92497 h 1184697"/>
              <a:gd name="connsiteX4" fmla="*/ 1452562 w 3609975"/>
              <a:gd name="connsiteY4" fmla="*/ 92497 h 1184697"/>
              <a:gd name="connsiteX5" fmla="*/ 1752601 w 3609975"/>
              <a:gd name="connsiteY5" fmla="*/ 903710 h 1184697"/>
              <a:gd name="connsiteX6" fmla="*/ 2028781 w 3609975"/>
              <a:gd name="connsiteY6" fmla="*/ 768824 h 1184697"/>
              <a:gd name="connsiteX7" fmla="*/ 2409825 w 3609975"/>
              <a:gd name="connsiteY7" fmla="*/ 1064047 h 1184697"/>
              <a:gd name="connsiteX8" fmla="*/ 3609975 w 3609975"/>
              <a:gd name="connsiteY8" fmla="*/ 1184697 h 1184697"/>
              <a:gd name="connsiteX0" fmla="*/ 0 w 3609975"/>
              <a:gd name="connsiteY0" fmla="*/ 1184697 h 1184697"/>
              <a:gd name="connsiteX1" fmla="*/ 298450 w 3609975"/>
              <a:gd name="connsiteY1" fmla="*/ 1105322 h 1184697"/>
              <a:gd name="connsiteX2" fmla="*/ 996157 w 3609975"/>
              <a:gd name="connsiteY2" fmla="*/ 757659 h 1184697"/>
              <a:gd name="connsiteX3" fmla="*/ 1225550 w 3609975"/>
              <a:gd name="connsiteY3" fmla="*/ 92497 h 1184697"/>
              <a:gd name="connsiteX4" fmla="*/ 1452562 w 3609975"/>
              <a:gd name="connsiteY4" fmla="*/ 92497 h 1184697"/>
              <a:gd name="connsiteX5" fmla="*/ 1752601 w 3609975"/>
              <a:gd name="connsiteY5" fmla="*/ 903710 h 1184697"/>
              <a:gd name="connsiteX6" fmla="*/ 2028781 w 3609975"/>
              <a:gd name="connsiteY6" fmla="*/ 768824 h 1184697"/>
              <a:gd name="connsiteX7" fmla="*/ 2409825 w 3609975"/>
              <a:gd name="connsiteY7" fmla="*/ 1064047 h 1184697"/>
              <a:gd name="connsiteX8" fmla="*/ 3609975 w 3609975"/>
              <a:gd name="connsiteY8" fmla="*/ 1184697 h 1184697"/>
              <a:gd name="connsiteX0" fmla="*/ 0 w 3609975"/>
              <a:gd name="connsiteY0" fmla="*/ 1188318 h 1188318"/>
              <a:gd name="connsiteX1" fmla="*/ 298450 w 3609975"/>
              <a:gd name="connsiteY1" fmla="*/ 1108943 h 1188318"/>
              <a:gd name="connsiteX2" fmla="*/ 767557 w 3609975"/>
              <a:gd name="connsiteY2" fmla="*/ 821605 h 1188318"/>
              <a:gd name="connsiteX3" fmla="*/ 1225550 w 3609975"/>
              <a:gd name="connsiteY3" fmla="*/ 96118 h 1188318"/>
              <a:gd name="connsiteX4" fmla="*/ 1452562 w 3609975"/>
              <a:gd name="connsiteY4" fmla="*/ 96118 h 1188318"/>
              <a:gd name="connsiteX5" fmla="*/ 1752601 w 3609975"/>
              <a:gd name="connsiteY5" fmla="*/ 907331 h 1188318"/>
              <a:gd name="connsiteX6" fmla="*/ 2028781 w 3609975"/>
              <a:gd name="connsiteY6" fmla="*/ 772445 h 1188318"/>
              <a:gd name="connsiteX7" fmla="*/ 2409825 w 3609975"/>
              <a:gd name="connsiteY7" fmla="*/ 1067668 h 1188318"/>
              <a:gd name="connsiteX8" fmla="*/ 3609975 w 3609975"/>
              <a:gd name="connsiteY8" fmla="*/ 1188318 h 1188318"/>
              <a:gd name="connsiteX0" fmla="*/ 0 w 3609975"/>
              <a:gd name="connsiteY0" fmla="*/ 1100694 h 1100694"/>
              <a:gd name="connsiteX1" fmla="*/ 298450 w 3609975"/>
              <a:gd name="connsiteY1" fmla="*/ 1021319 h 1100694"/>
              <a:gd name="connsiteX2" fmla="*/ 767557 w 3609975"/>
              <a:gd name="connsiteY2" fmla="*/ 733981 h 1100694"/>
              <a:gd name="connsiteX3" fmla="*/ 1238250 w 3609975"/>
              <a:gd name="connsiteY3" fmla="*/ 414894 h 1100694"/>
              <a:gd name="connsiteX4" fmla="*/ 1452562 w 3609975"/>
              <a:gd name="connsiteY4" fmla="*/ 8494 h 1100694"/>
              <a:gd name="connsiteX5" fmla="*/ 1752601 w 3609975"/>
              <a:gd name="connsiteY5" fmla="*/ 819707 h 1100694"/>
              <a:gd name="connsiteX6" fmla="*/ 2028781 w 3609975"/>
              <a:gd name="connsiteY6" fmla="*/ 684821 h 1100694"/>
              <a:gd name="connsiteX7" fmla="*/ 2409825 w 3609975"/>
              <a:gd name="connsiteY7" fmla="*/ 980044 h 1100694"/>
              <a:gd name="connsiteX8" fmla="*/ 3609975 w 3609975"/>
              <a:gd name="connsiteY8" fmla="*/ 1100694 h 1100694"/>
              <a:gd name="connsiteX0" fmla="*/ 0 w 3609975"/>
              <a:gd name="connsiteY0" fmla="*/ 750263 h 750263"/>
              <a:gd name="connsiteX1" fmla="*/ 298450 w 3609975"/>
              <a:gd name="connsiteY1" fmla="*/ 670888 h 750263"/>
              <a:gd name="connsiteX2" fmla="*/ 767557 w 3609975"/>
              <a:gd name="connsiteY2" fmla="*/ 383550 h 750263"/>
              <a:gd name="connsiteX3" fmla="*/ 1238250 w 3609975"/>
              <a:gd name="connsiteY3" fmla="*/ 64463 h 750263"/>
              <a:gd name="connsiteX4" fmla="*/ 1604962 w 3609975"/>
              <a:gd name="connsiteY4" fmla="*/ 35888 h 750263"/>
              <a:gd name="connsiteX5" fmla="*/ 1752601 w 3609975"/>
              <a:gd name="connsiteY5" fmla="*/ 469276 h 750263"/>
              <a:gd name="connsiteX6" fmla="*/ 2028781 w 3609975"/>
              <a:gd name="connsiteY6" fmla="*/ 334390 h 750263"/>
              <a:gd name="connsiteX7" fmla="*/ 2409825 w 3609975"/>
              <a:gd name="connsiteY7" fmla="*/ 629613 h 750263"/>
              <a:gd name="connsiteX8" fmla="*/ 3609975 w 3609975"/>
              <a:gd name="connsiteY8" fmla="*/ 750263 h 750263"/>
              <a:gd name="connsiteX0" fmla="*/ 0 w 3609975"/>
              <a:gd name="connsiteY0" fmla="*/ 750263 h 750263"/>
              <a:gd name="connsiteX1" fmla="*/ 206375 w 3609975"/>
              <a:gd name="connsiteY1" fmla="*/ 677238 h 750263"/>
              <a:gd name="connsiteX2" fmla="*/ 767557 w 3609975"/>
              <a:gd name="connsiteY2" fmla="*/ 383550 h 750263"/>
              <a:gd name="connsiteX3" fmla="*/ 1238250 w 3609975"/>
              <a:gd name="connsiteY3" fmla="*/ 64463 h 750263"/>
              <a:gd name="connsiteX4" fmla="*/ 1604962 w 3609975"/>
              <a:gd name="connsiteY4" fmla="*/ 35888 h 750263"/>
              <a:gd name="connsiteX5" fmla="*/ 1752601 w 3609975"/>
              <a:gd name="connsiteY5" fmla="*/ 469276 h 750263"/>
              <a:gd name="connsiteX6" fmla="*/ 2028781 w 3609975"/>
              <a:gd name="connsiteY6" fmla="*/ 334390 h 750263"/>
              <a:gd name="connsiteX7" fmla="*/ 2409825 w 3609975"/>
              <a:gd name="connsiteY7" fmla="*/ 629613 h 750263"/>
              <a:gd name="connsiteX8" fmla="*/ 3609975 w 3609975"/>
              <a:gd name="connsiteY8" fmla="*/ 750263 h 750263"/>
              <a:gd name="connsiteX0" fmla="*/ 0 w 3609975"/>
              <a:gd name="connsiteY0" fmla="*/ 739180 h 739180"/>
              <a:gd name="connsiteX1" fmla="*/ 206375 w 3609975"/>
              <a:gd name="connsiteY1" fmla="*/ 666155 h 739180"/>
              <a:gd name="connsiteX2" fmla="*/ 767557 w 3609975"/>
              <a:gd name="connsiteY2" fmla="*/ 372467 h 739180"/>
              <a:gd name="connsiteX3" fmla="*/ 1238250 w 3609975"/>
              <a:gd name="connsiteY3" fmla="*/ 53380 h 739180"/>
              <a:gd name="connsiteX4" fmla="*/ 1604962 w 3609975"/>
              <a:gd name="connsiteY4" fmla="*/ 24805 h 739180"/>
              <a:gd name="connsiteX5" fmla="*/ 1758951 w 3609975"/>
              <a:gd name="connsiteY5" fmla="*/ 305793 h 739180"/>
              <a:gd name="connsiteX6" fmla="*/ 2028781 w 3609975"/>
              <a:gd name="connsiteY6" fmla="*/ 323307 h 739180"/>
              <a:gd name="connsiteX7" fmla="*/ 2409825 w 3609975"/>
              <a:gd name="connsiteY7" fmla="*/ 618530 h 739180"/>
              <a:gd name="connsiteX8" fmla="*/ 3609975 w 3609975"/>
              <a:gd name="connsiteY8" fmla="*/ 739180 h 739180"/>
              <a:gd name="connsiteX0" fmla="*/ 0 w 3609975"/>
              <a:gd name="connsiteY0" fmla="*/ 739180 h 739180"/>
              <a:gd name="connsiteX1" fmla="*/ 206375 w 3609975"/>
              <a:gd name="connsiteY1" fmla="*/ 666155 h 739180"/>
              <a:gd name="connsiteX2" fmla="*/ 767557 w 3609975"/>
              <a:gd name="connsiteY2" fmla="*/ 372467 h 739180"/>
              <a:gd name="connsiteX3" fmla="*/ 1238250 w 3609975"/>
              <a:gd name="connsiteY3" fmla="*/ 53380 h 739180"/>
              <a:gd name="connsiteX4" fmla="*/ 1604962 w 3609975"/>
              <a:gd name="connsiteY4" fmla="*/ 24805 h 739180"/>
              <a:gd name="connsiteX5" fmla="*/ 1758951 w 3609975"/>
              <a:gd name="connsiteY5" fmla="*/ 305793 h 739180"/>
              <a:gd name="connsiteX6" fmla="*/ 2085931 w 3609975"/>
              <a:gd name="connsiteY6" fmla="*/ 370932 h 739180"/>
              <a:gd name="connsiteX7" fmla="*/ 2409825 w 3609975"/>
              <a:gd name="connsiteY7" fmla="*/ 618530 h 739180"/>
              <a:gd name="connsiteX8" fmla="*/ 3609975 w 3609975"/>
              <a:gd name="connsiteY8" fmla="*/ 739180 h 739180"/>
              <a:gd name="connsiteX0" fmla="*/ 0 w 3609975"/>
              <a:gd name="connsiteY0" fmla="*/ 742625 h 742625"/>
              <a:gd name="connsiteX1" fmla="*/ 206375 w 3609975"/>
              <a:gd name="connsiteY1" fmla="*/ 669600 h 742625"/>
              <a:gd name="connsiteX2" fmla="*/ 767557 w 3609975"/>
              <a:gd name="connsiteY2" fmla="*/ 375912 h 742625"/>
              <a:gd name="connsiteX3" fmla="*/ 1238250 w 3609975"/>
              <a:gd name="connsiteY3" fmla="*/ 56825 h 742625"/>
              <a:gd name="connsiteX4" fmla="*/ 1604962 w 3609975"/>
              <a:gd name="connsiteY4" fmla="*/ 28250 h 742625"/>
              <a:gd name="connsiteX5" fmla="*/ 1809751 w 3609975"/>
              <a:gd name="connsiteY5" fmla="*/ 356863 h 742625"/>
              <a:gd name="connsiteX6" fmla="*/ 2085931 w 3609975"/>
              <a:gd name="connsiteY6" fmla="*/ 374377 h 742625"/>
              <a:gd name="connsiteX7" fmla="*/ 2409825 w 3609975"/>
              <a:gd name="connsiteY7" fmla="*/ 621975 h 742625"/>
              <a:gd name="connsiteX8" fmla="*/ 3609975 w 3609975"/>
              <a:gd name="connsiteY8" fmla="*/ 742625 h 742625"/>
              <a:gd name="connsiteX0" fmla="*/ 0 w 3609975"/>
              <a:gd name="connsiteY0" fmla="*/ 706826 h 706826"/>
              <a:gd name="connsiteX1" fmla="*/ 206375 w 3609975"/>
              <a:gd name="connsiteY1" fmla="*/ 633801 h 706826"/>
              <a:gd name="connsiteX2" fmla="*/ 767557 w 3609975"/>
              <a:gd name="connsiteY2" fmla="*/ 340113 h 706826"/>
              <a:gd name="connsiteX3" fmla="*/ 1238250 w 3609975"/>
              <a:gd name="connsiteY3" fmla="*/ 21026 h 706826"/>
              <a:gd name="connsiteX4" fmla="*/ 1579562 w 3609975"/>
              <a:gd name="connsiteY4" fmla="*/ 62301 h 706826"/>
              <a:gd name="connsiteX5" fmla="*/ 1809751 w 3609975"/>
              <a:gd name="connsiteY5" fmla="*/ 321064 h 706826"/>
              <a:gd name="connsiteX6" fmla="*/ 2085931 w 3609975"/>
              <a:gd name="connsiteY6" fmla="*/ 338578 h 706826"/>
              <a:gd name="connsiteX7" fmla="*/ 2409825 w 3609975"/>
              <a:gd name="connsiteY7" fmla="*/ 586176 h 706826"/>
              <a:gd name="connsiteX8" fmla="*/ 3609975 w 3609975"/>
              <a:gd name="connsiteY8" fmla="*/ 706826 h 706826"/>
              <a:gd name="connsiteX0" fmla="*/ 0 w 3609975"/>
              <a:gd name="connsiteY0" fmla="*/ 706826 h 706826"/>
              <a:gd name="connsiteX1" fmla="*/ 206375 w 3609975"/>
              <a:gd name="connsiteY1" fmla="*/ 633801 h 706826"/>
              <a:gd name="connsiteX2" fmla="*/ 767557 w 3609975"/>
              <a:gd name="connsiteY2" fmla="*/ 340113 h 706826"/>
              <a:gd name="connsiteX3" fmla="*/ 1238250 w 3609975"/>
              <a:gd name="connsiteY3" fmla="*/ 21026 h 706826"/>
              <a:gd name="connsiteX4" fmla="*/ 1579562 w 3609975"/>
              <a:gd name="connsiteY4" fmla="*/ 62301 h 706826"/>
              <a:gd name="connsiteX5" fmla="*/ 1809751 w 3609975"/>
              <a:gd name="connsiteY5" fmla="*/ 321064 h 706826"/>
              <a:gd name="connsiteX6" fmla="*/ 2085931 w 3609975"/>
              <a:gd name="connsiteY6" fmla="*/ 338578 h 706826"/>
              <a:gd name="connsiteX7" fmla="*/ 2492375 w 3609975"/>
              <a:gd name="connsiteY7" fmla="*/ 487751 h 706826"/>
              <a:gd name="connsiteX8" fmla="*/ 3609975 w 3609975"/>
              <a:gd name="connsiteY8" fmla="*/ 706826 h 706826"/>
              <a:gd name="connsiteX0" fmla="*/ 0 w 3609975"/>
              <a:gd name="connsiteY0" fmla="*/ 704674 h 704674"/>
              <a:gd name="connsiteX1" fmla="*/ 206375 w 3609975"/>
              <a:gd name="connsiteY1" fmla="*/ 631649 h 704674"/>
              <a:gd name="connsiteX2" fmla="*/ 767557 w 3609975"/>
              <a:gd name="connsiteY2" fmla="*/ 337961 h 704674"/>
              <a:gd name="connsiteX3" fmla="*/ 1238250 w 3609975"/>
              <a:gd name="connsiteY3" fmla="*/ 18874 h 704674"/>
              <a:gd name="connsiteX4" fmla="*/ 1579562 w 3609975"/>
              <a:gd name="connsiteY4" fmla="*/ 60149 h 704674"/>
              <a:gd name="connsiteX5" fmla="*/ 1803401 w 3609975"/>
              <a:gd name="connsiteY5" fmla="*/ 252237 h 704674"/>
              <a:gd name="connsiteX6" fmla="*/ 2085931 w 3609975"/>
              <a:gd name="connsiteY6" fmla="*/ 336426 h 704674"/>
              <a:gd name="connsiteX7" fmla="*/ 2492375 w 3609975"/>
              <a:gd name="connsiteY7" fmla="*/ 485599 h 704674"/>
              <a:gd name="connsiteX8" fmla="*/ 3609975 w 3609975"/>
              <a:gd name="connsiteY8" fmla="*/ 704674 h 704674"/>
              <a:gd name="connsiteX0" fmla="*/ 0 w 3609975"/>
              <a:gd name="connsiteY0" fmla="*/ 704674 h 704674"/>
              <a:gd name="connsiteX1" fmla="*/ 206375 w 3609975"/>
              <a:gd name="connsiteY1" fmla="*/ 631649 h 704674"/>
              <a:gd name="connsiteX2" fmla="*/ 767557 w 3609975"/>
              <a:gd name="connsiteY2" fmla="*/ 337961 h 704674"/>
              <a:gd name="connsiteX3" fmla="*/ 1238250 w 3609975"/>
              <a:gd name="connsiteY3" fmla="*/ 18874 h 704674"/>
              <a:gd name="connsiteX4" fmla="*/ 1579562 w 3609975"/>
              <a:gd name="connsiteY4" fmla="*/ 60149 h 704674"/>
              <a:gd name="connsiteX5" fmla="*/ 1803401 w 3609975"/>
              <a:gd name="connsiteY5" fmla="*/ 252237 h 704674"/>
              <a:gd name="connsiteX6" fmla="*/ 2165306 w 3609975"/>
              <a:gd name="connsiteY6" fmla="*/ 317376 h 704674"/>
              <a:gd name="connsiteX7" fmla="*/ 2492375 w 3609975"/>
              <a:gd name="connsiteY7" fmla="*/ 485599 h 704674"/>
              <a:gd name="connsiteX8" fmla="*/ 3609975 w 3609975"/>
              <a:gd name="connsiteY8" fmla="*/ 704674 h 704674"/>
              <a:gd name="connsiteX0" fmla="*/ 0 w 3609975"/>
              <a:gd name="connsiteY0" fmla="*/ 706825 h 706825"/>
              <a:gd name="connsiteX1" fmla="*/ 206375 w 3609975"/>
              <a:gd name="connsiteY1" fmla="*/ 633800 h 706825"/>
              <a:gd name="connsiteX2" fmla="*/ 767557 w 3609975"/>
              <a:gd name="connsiteY2" fmla="*/ 340112 h 706825"/>
              <a:gd name="connsiteX3" fmla="*/ 1238250 w 3609975"/>
              <a:gd name="connsiteY3" fmla="*/ 21025 h 706825"/>
              <a:gd name="connsiteX4" fmla="*/ 1579562 w 3609975"/>
              <a:gd name="connsiteY4" fmla="*/ 62300 h 706825"/>
              <a:gd name="connsiteX5" fmla="*/ 1806576 w 3609975"/>
              <a:gd name="connsiteY5" fmla="*/ 321063 h 706825"/>
              <a:gd name="connsiteX6" fmla="*/ 2165306 w 3609975"/>
              <a:gd name="connsiteY6" fmla="*/ 319527 h 706825"/>
              <a:gd name="connsiteX7" fmla="*/ 2492375 w 3609975"/>
              <a:gd name="connsiteY7" fmla="*/ 487750 h 706825"/>
              <a:gd name="connsiteX8" fmla="*/ 3609975 w 3609975"/>
              <a:gd name="connsiteY8" fmla="*/ 706825 h 706825"/>
              <a:gd name="connsiteX0" fmla="*/ 0 w 3609975"/>
              <a:gd name="connsiteY0" fmla="*/ 706825 h 706825"/>
              <a:gd name="connsiteX1" fmla="*/ 206375 w 3609975"/>
              <a:gd name="connsiteY1" fmla="*/ 633800 h 706825"/>
              <a:gd name="connsiteX2" fmla="*/ 767557 w 3609975"/>
              <a:gd name="connsiteY2" fmla="*/ 340112 h 706825"/>
              <a:gd name="connsiteX3" fmla="*/ 1238250 w 3609975"/>
              <a:gd name="connsiteY3" fmla="*/ 21025 h 706825"/>
              <a:gd name="connsiteX4" fmla="*/ 1579562 w 3609975"/>
              <a:gd name="connsiteY4" fmla="*/ 62300 h 706825"/>
              <a:gd name="connsiteX5" fmla="*/ 1806576 w 3609975"/>
              <a:gd name="connsiteY5" fmla="*/ 321063 h 706825"/>
              <a:gd name="connsiteX6" fmla="*/ 2165306 w 3609975"/>
              <a:gd name="connsiteY6" fmla="*/ 319527 h 706825"/>
              <a:gd name="connsiteX7" fmla="*/ 2609850 w 3609975"/>
              <a:gd name="connsiteY7" fmla="*/ 471875 h 706825"/>
              <a:gd name="connsiteX8" fmla="*/ 3609975 w 3609975"/>
              <a:gd name="connsiteY8" fmla="*/ 706825 h 706825"/>
              <a:gd name="connsiteX0" fmla="*/ 0 w 3609975"/>
              <a:gd name="connsiteY0" fmla="*/ 706825 h 706825"/>
              <a:gd name="connsiteX1" fmla="*/ 206375 w 3609975"/>
              <a:gd name="connsiteY1" fmla="*/ 633800 h 706825"/>
              <a:gd name="connsiteX2" fmla="*/ 767557 w 3609975"/>
              <a:gd name="connsiteY2" fmla="*/ 340112 h 706825"/>
              <a:gd name="connsiteX3" fmla="*/ 1238250 w 3609975"/>
              <a:gd name="connsiteY3" fmla="*/ 21025 h 706825"/>
              <a:gd name="connsiteX4" fmla="*/ 1579562 w 3609975"/>
              <a:gd name="connsiteY4" fmla="*/ 62300 h 706825"/>
              <a:gd name="connsiteX5" fmla="*/ 1806576 w 3609975"/>
              <a:gd name="connsiteY5" fmla="*/ 321063 h 706825"/>
              <a:gd name="connsiteX6" fmla="*/ 2165306 w 3609975"/>
              <a:gd name="connsiteY6" fmla="*/ 319527 h 706825"/>
              <a:gd name="connsiteX7" fmla="*/ 2609850 w 3609975"/>
              <a:gd name="connsiteY7" fmla="*/ 471875 h 706825"/>
              <a:gd name="connsiteX8" fmla="*/ 3609975 w 3609975"/>
              <a:gd name="connsiteY8" fmla="*/ 706825 h 706825"/>
              <a:gd name="connsiteX0" fmla="*/ 0 w 3609975"/>
              <a:gd name="connsiteY0" fmla="*/ 706825 h 706825"/>
              <a:gd name="connsiteX1" fmla="*/ 206375 w 3609975"/>
              <a:gd name="connsiteY1" fmla="*/ 633800 h 706825"/>
              <a:gd name="connsiteX2" fmla="*/ 767557 w 3609975"/>
              <a:gd name="connsiteY2" fmla="*/ 340112 h 706825"/>
              <a:gd name="connsiteX3" fmla="*/ 1238250 w 3609975"/>
              <a:gd name="connsiteY3" fmla="*/ 21025 h 706825"/>
              <a:gd name="connsiteX4" fmla="*/ 1579562 w 3609975"/>
              <a:gd name="connsiteY4" fmla="*/ 62300 h 706825"/>
              <a:gd name="connsiteX5" fmla="*/ 1806576 w 3609975"/>
              <a:gd name="connsiteY5" fmla="*/ 321063 h 706825"/>
              <a:gd name="connsiteX6" fmla="*/ 2165306 w 3609975"/>
              <a:gd name="connsiteY6" fmla="*/ 319527 h 706825"/>
              <a:gd name="connsiteX7" fmla="*/ 2609850 w 3609975"/>
              <a:gd name="connsiteY7" fmla="*/ 471875 h 706825"/>
              <a:gd name="connsiteX8" fmla="*/ 3609975 w 3609975"/>
              <a:gd name="connsiteY8" fmla="*/ 706825 h 706825"/>
              <a:gd name="connsiteX0" fmla="*/ 0 w 3609975"/>
              <a:gd name="connsiteY0" fmla="*/ 706825 h 706825"/>
              <a:gd name="connsiteX1" fmla="*/ 206375 w 3609975"/>
              <a:gd name="connsiteY1" fmla="*/ 633800 h 706825"/>
              <a:gd name="connsiteX2" fmla="*/ 767557 w 3609975"/>
              <a:gd name="connsiteY2" fmla="*/ 340112 h 706825"/>
              <a:gd name="connsiteX3" fmla="*/ 1238250 w 3609975"/>
              <a:gd name="connsiteY3" fmla="*/ 21025 h 706825"/>
              <a:gd name="connsiteX4" fmla="*/ 1579562 w 3609975"/>
              <a:gd name="connsiteY4" fmla="*/ 62300 h 706825"/>
              <a:gd name="connsiteX5" fmla="*/ 1806576 w 3609975"/>
              <a:gd name="connsiteY5" fmla="*/ 321063 h 706825"/>
              <a:gd name="connsiteX6" fmla="*/ 2165306 w 3609975"/>
              <a:gd name="connsiteY6" fmla="*/ 319527 h 706825"/>
              <a:gd name="connsiteX7" fmla="*/ 2609850 w 3609975"/>
              <a:gd name="connsiteY7" fmla="*/ 471875 h 706825"/>
              <a:gd name="connsiteX8" fmla="*/ 3609975 w 3609975"/>
              <a:gd name="connsiteY8" fmla="*/ 706825 h 706825"/>
              <a:gd name="connsiteX0" fmla="*/ 0 w 3609975"/>
              <a:gd name="connsiteY0" fmla="*/ 706716 h 706716"/>
              <a:gd name="connsiteX1" fmla="*/ 206375 w 3609975"/>
              <a:gd name="connsiteY1" fmla="*/ 633691 h 706716"/>
              <a:gd name="connsiteX2" fmla="*/ 767557 w 3609975"/>
              <a:gd name="connsiteY2" fmla="*/ 340003 h 706716"/>
              <a:gd name="connsiteX3" fmla="*/ 1238250 w 3609975"/>
              <a:gd name="connsiteY3" fmla="*/ 20916 h 706716"/>
              <a:gd name="connsiteX4" fmla="*/ 1579562 w 3609975"/>
              <a:gd name="connsiteY4" fmla="*/ 62191 h 706716"/>
              <a:gd name="connsiteX5" fmla="*/ 1857376 w 3609975"/>
              <a:gd name="connsiteY5" fmla="*/ 317779 h 706716"/>
              <a:gd name="connsiteX6" fmla="*/ 2165306 w 3609975"/>
              <a:gd name="connsiteY6" fmla="*/ 319418 h 706716"/>
              <a:gd name="connsiteX7" fmla="*/ 2609850 w 3609975"/>
              <a:gd name="connsiteY7" fmla="*/ 471766 h 706716"/>
              <a:gd name="connsiteX8" fmla="*/ 3609975 w 3609975"/>
              <a:gd name="connsiteY8" fmla="*/ 706716 h 706716"/>
              <a:gd name="connsiteX0" fmla="*/ 0 w 3609975"/>
              <a:gd name="connsiteY0" fmla="*/ 720661 h 720661"/>
              <a:gd name="connsiteX1" fmla="*/ 206375 w 3609975"/>
              <a:gd name="connsiteY1" fmla="*/ 647636 h 720661"/>
              <a:gd name="connsiteX2" fmla="*/ 767557 w 3609975"/>
              <a:gd name="connsiteY2" fmla="*/ 353948 h 720661"/>
              <a:gd name="connsiteX3" fmla="*/ 1238250 w 3609975"/>
              <a:gd name="connsiteY3" fmla="*/ 34861 h 720661"/>
              <a:gd name="connsiteX4" fmla="*/ 1579562 w 3609975"/>
              <a:gd name="connsiteY4" fmla="*/ 76136 h 720661"/>
              <a:gd name="connsiteX5" fmla="*/ 1857376 w 3609975"/>
              <a:gd name="connsiteY5" fmla="*/ 331724 h 720661"/>
              <a:gd name="connsiteX6" fmla="*/ 2165306 w 3609975"/>
              <a:gd name="connsiteY6" fmla="*/ 333363 h 720661"/>
              <a:gd name="connsiteX7" fmla="*/ 2609850 w 3609975"/>
              <a:gd name="connsiteY7" fmla="*/ 485711 h 720661"/>
              <a:gd name="connsiteX8" fmla="*/ 3609975 w 3609975"/>
              <a:gd name="connsiteY8" fmla="*/ 720661 h 720661"/>
              <a:gd name="connsiteX0" fmla="*/ 0 w 3609975"/>
              <a:gd name="connsiteY0" fmla="*/ 719155 h 719155"/>
              <a:gd name="connsiteX1" fmla="*/ 206375 w 3609975"/>
              <a:gd name="connsiteY1" fmla="*/ 646130 h 719155"/>
              <a:gd name="connsiteX2" fmla="*/ 669132 w 3609975"/>
              <a:gd name="connsiteY2" fmla="*/ 330217 h 719155"/>
              <a:gd name="connsiteX3" fmla="*/ 1238250 w 3609975"/>
              <a:gd name="connsiteY3" fmla="*/ 33355 h 719155"/>
              <a:gd name="connsiteX4" fmla="*/ 1579562 w 3609975"/>
              <a:gd name="connsiteY4" fmla="*/ 74630 h 719155"/>
              <a:gd name="connsiteX5" fmla="*/ 1857376 w 3609975"/>
              <a:gd name="connsiteY5" fmla="*/ 330218 h 719155"/>
              <a:gd name="connsiteX6" fmla="*/ 2165306 w 3609975"/>
              <a:gd name="connsiteY6" fmla="*/ 331857 h 719155"/>
              <a:gd name="connsiteX7" fmla="*/ 2609850 w 3609975"/>
              <a:gd name="connsiteY7" fmla="*/ 484205 h 719155"/>
              <a:gd name="connsiteX8" fmla="*/ 3609975 w 3609975"/>
              <a:gd name="connsiteY8" fmla="*/ 719155 h 719155"/>
              <a:gd name="connsiteX0" fmla="*/ 0 w 3609975"/>
              <a:gd name="connsiteY0" fmla="*/ 705741 h 705741"/>
              <a:gd name="connsiteX1" fmla="*/ 206375 w 3609975"/>
              <a:gd name="connsiteY1" fmla="*/ 632716 h 705741"/>
              <a:gd name="connsiteX2" fmla="*/ 669132 w 3609975"/>
              <a:gd name="connsiteY2" fmla="*/ 316803 h 705741"/>
              <a:gd name="connsiteX3" fmla="*/ 1238250 w 3609975"/>
              <a:gd name="connsiteY3" fmla="*/ 19941 h 705741"/>
              <a:gd name="connsiteX4" fmla="*/ 1579562 w 3609975"/>
              <a:gd name="connsiteY4" fmla="*/ 61216 h 705741"/>
              <a:gd name="connsiteX5" fmla="*/ 1908176 w 3609975"/>
              <a:gd name="connsiteY5" fmla="*/ 335854 h 705741"/>
              <a:gd name="connsiteX6" fmla="*/ 2165306 w 3609975"/>
              <a:gd name="connsiteY6" fmla="*/ 318443 h 705741"/>
              <a:gd name="connsiteX7" fmla="*/ 2609850 w 3609975"/>
              <a:gd name="connsiteY7" fmla="*/ 470791 h 705741"/>
              <a:gd name="connsiteX8" fmla="*/ 3609975 w 3609975"/>
              <a:gd name="connsiteY8" fmla="*/ 705741 h 705741"/>
              <a:gd name="connsiteX0" fmla="*/ 0 w 3609975"/>
              <a:gd name="connsiteY0" fmla="*/ 706438 h 706438"/>
              <a:gd name="connsiteX1" fmla="*/ 206375 w 3609975"/>
              <a:gd name="connsiteY1" fmla="*/ 633413 h 706438"/>
              <a:gd name="connsiteX2" fmla="*/ 669132 w 3609975"/>
              <a:gd name="connsiteY2" fmla="*/ 317500 h 706438"/>
              <a:gd name="connsiteX3" fmla="*/ 1238250 w 3609975"/>
              <a:gd name="connsiteY3" fmla="*/ 20638 h 706438"/>
              <a:gd name="connsiteX4" fmla="*/ 1579562 w 3609975"/>
              <a:gd name="connsiteY4" fmla="*/ 61913 h 706438"/>
              <a:gd name="connsiteX5" fmla="*/ 1879601 w 3609975"/>
              <a:gd name="connsiteY5" fmla="*/ 355601 h 706438"/>
              <a:gd name="connsiteX6" fmla="*/ 2165306 w 3609975"/>
              <a:gd name="connsiteY6" fmla="*/ 319140 h 706438"/>
              <a:gd name="connsiteX7" fmla="*/ 2609850 w 3609975"/>
              <a:gd name="connsiteY7" fmla="*/ 471488 h 706438"/>
              <a:gd name="connsiteX8" fmla="*/ 3609975 w 3609975"/>
              <a:gd name="connsiteY8" fmla="*/ 706438 h 706438"/>
              <a:gd name="connsiteX0" fmla="*/ 0 w 3609975"/>
              <a:gd name="connsiteY0" fmla="*/ 704433 h 704433"/>
              <a:gd name="connsiteX1" fmla="*/ 206375 w 3609975"/>
              <a:gd name="connsiteY1" fmla="*/ 631408 h 704433"/>
              <a:gd name="connsiteX2" fmla="*/ 669132 w 3609975"/>
              <a:gd name="connsiteY2" fmla="*/ 315495 h 704433"/>
              <a:gd name="connsiteX3" fmla="*/ 1238250 w 3609975"/>
              <a:gd name="connsiteY3" fmla="*/ 18633 h 704433"/>
              <a:gd name="connsiteX4" fmla="*/ 1579562 w 3609975"/>
              <a:gd name="connsiteY4" fmla="*/ 59908 h 704433"/>
              <a:gd name="connsiteX5" fmla="*/ 1873251 w 3609975"/>
              <a:gd name="connsiteY5" fmla="*/ 296446 h 704433"/>
              <a:gd name="connsiteX6" fmla="*/ 2165306 w 3609975"/>
              <a:gd name="connsiteY6" fmla="*/ 317135 h 704433"/>
              <a:gd name="connsiteX7" fmla="*/ 2609850 w 3609975"/>
              <a:gd name="connsiteY7" fmla="*/ 469483 h 704433"/>
              <a:gd name="connsiteX8" fmla="*/ 3609975 w 3609975"/>
              <a:gd name="connsiteY8" fmla="*/ 704433 h 70443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3609975" h="704433">
                <a:moveTo>
                  <a:pt x="0" y="704433"/>
                </a:moveTo>
                <a:cubicBezTo>
                  <a:pt x="163248" y="691204"/>
                  <a:pt x="94853" y="696231"/>
                  <a:pt x="206375" y="631408"/>
                </a:cubicBezTo>
                <a:cubicBezTo>
                  <a:pt x="317897" y="566585"/>
                  <a:pt x="497153" y="417624"/>
                  <a:pt x="669132" y="315495"/>
                </a:cubicBezTo>
                <a:cubicBezTo>
                  <a:pt x="841111" y="213366"/>
                  <a:pt x="1086512" y="61231"/>
                  <a:pt x="1238250" y="18633"/>
                </a:cubicBezTo>
                <a:cubicBezTo>
                  <a:pt x="1389988" y="-23965"/>
                  <a:pt x="1473729" y="13606"/>
                  <a:pt x="1579562" y="59908"/>
                </a:cubicBezTo>
                <a:cubicBezTo>
                  <a:pt x="1685395" y="106210"/>
                  <a:pt x="1775627" y="253575"/>
                  <a:pt x="1873251" y="296446"/>
                </a:cubicBezTo>
                <a:cubicBezTo>
                  <a:pt x="1970875" y="339317"/>
                  <a:pt x="2042540" y="288296"/>
                  <a:pt x="2165306" y="317135"/>
                </a:cubicBezTo>
                <a:cubicBezTo>
                  <a:pt x="2288073" y="345975"/>
                  <a:pt x="2356372" y="436683"/>
                  <a:pt x="2609850" y="469483"/>
                </a:cubicBezTo>
                <a:cubicBezTo>
                  <a:pt x="2863328" y="502283"/>
                  <a:pt x="3067050" y="606008"/>
                  <a:pt x="3609975" y="704433"/>
                </a:cubicBezTo>
              </a:path>
            </a:pathLst>
          </a:custGeom>
          <a:solidFill>
            <a:schemeClr val="accent2">
              <a:lumMod val="75000"/>
            </a:schemeClr>
          </a:solidFill>
          <a:ln w="25400">
            <a:solidFill>
              <a:schemeClr val="accent2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33" name="TextBox 32"/>
          <p:cNvSpPr txBox="1"/>
          <p:nvPr/>
        </p:nvSpPr>
        <p:spPr>
          <a:xfrm>
            <a:off x="518018" y="4330813"/>
            <a:ext cx="2808782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>
                <a:latin typeface="Gentium Basic" panose="02000503060000020004" pitchFamily="2" charset="0"/>
              </a:rPr>
              <a:t>after movement prediction:</a:t>
            </a:r>
            <a:endParaRPr lang="de-CH" dirty="0">
              <a:latin typeface="Gentium Basic" panose="02000503060000020004" pitchFamily="2" charset="0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4" name="TextBox 33"/>
              <p:cNvSpPr txBox="1"/>
              <p:nvPr/>
            </p:nvSpPr>
            <p:spPr>
              <a:xfrm>
                <a:off x="524368" y="6140145"/>
                <a:ext cx="2978701" cy="369332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14:m>
                  <m:oMath xmlns:m="http://schemas.openxmlformats.org/officeDocument/2006/math">
                    <m:r>
                      <a:rPr lang="en-US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⇒</m:t>
                    </m:r>
                  </m:oMath>
                </a14:m>
                <a:r>
                  <a:rPr lang="en-US" dirty="0" smtClean="0">
                    <a:latin typeface="Gentium Basic" panose="02000503060000020004" pitchFamily="2" charset="0"/>
                  </a:rPr>
                  <a:t> possible destination points</a:t>
                </a:r>
                <a:endParaRPr lang="de-CH" dirty="0">
                  <a:latin typeface="Gentium Basic" panose="02000503060000020004" pitchFamily="2" charset="0"/>
                </a:endParaRPr>
              </a:p>
            </p:txBody>
          </p:sp>
        </mc:Choice>
        <mc:Fallback xmlns="">
          <p:sp>
            <p:nvSpPr>
              <p:cNvPr id="34" name="TextBox 33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24368" y="6140145"/>
                <a:ext cx="2978701" cy="369332"/>
              </a:xfrm>
              <a:prstGeom prst="rect">
                <a:avLst/>
              </a:prstGeom>
              <a:blipFill rotWithShape="0">
                <a:blip r:embed="rId6"/>
                <a:stretch>
                  <a:fillRect t="-8197" r="-1022" b="-24590"/>
                </a:stretch>
              </a:blipFill>
            </p:spPr>
            <p:txBody>
              <a:bodyPr/>
              <a:lstStyle/>
              <a:p>
                <a:r>
                  <a:rPr lang="de-CH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48" name="TextBox 47"/>
          <p:cNvSpPr txBox="1"/>
          <p:nvPr/>
        </p:nvSpPr>
        <p:spPr>
          <a:xfrm>
            <a:off x="6142219" y="3439127"/>
            <a:ext cx="1279517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1200" dirty="0">
                <a:latin typeface="Gentium Basic" panose="02000503060000020004" pitchFamily="2" charset="0"/>
              </a:rPr>
              <a:t>intensity at time</a:t>
            </a:r>
          </a:p>
          <a:p>
            <a:pPr algn="ctr"/>
            <a:r>
              <a:rPr lang="en-US" sz="1200" dirty="0">
                <a:latin typeface="Gentium Basic" panose="02000503060000020004" pitchFamily="2" charset="0"/>
              </a:rPr>
              <a:t>of previous </a:t>
            </a:r>
            <a:r>
              <a:rPr lang="en-US" sz="1200" dirty="0" smtClean="0">
                <a:latin typeface="Gentium Basic" panose="02000503060000020004" pitchFamily="2" charset="0"/>
              </a:rPr>
              <a:t>event</a:t>
            </a:r>
            <a:endParaRPr lang="de-CH" sz="1200" dirty="0">
              <a:latin typeface="Gentium Basic" panose="02000503060000020004" pitchFamily="2" charset="0"/>
            </a:endParaRPr>
          </a:p>
        </p:txBody>
      </p:sp>
      <p:cxnSp>
        <p:nvCxnSpPr>
          <p:cNvPr id="50" name="Straight Connector 49"/>
          <p:cNvCxnSpPr/>
          <p:nvPr/>
        </p:nvCxnSpPr>
        <p:spPr>
          <a:xfrm>
            <a:off x="9920715" y="2709961"/>
            <a:ext cx="0" cy="1440000"/>
          </a:xfrm>
          <a:prstGeom prst="line">
            <a:avLst/>
          </a:prstGeom>
          <a:ln w="25400">
            <a:solidFill>
              <a:schemeClr val="accent5"/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Straight Connector 51"/>
          <p:cNvCxnSpPr/>
          <p:nvPr/>
        </p:nvCxnSpPr>
        <p:spPr>
          <a:xfrm>
            <a:off x="6142219" y="2709960"/>
            <a:ext cx="0" cy="1440000"/>
          </a:xfrm>
          <a:prstGeom prst="line">
            <a:avLst/>
          </a:prstGeom>
          <a:ln w="25400">
            <a:solidFill>
              <a:schemeClr val="accent5"/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5" name="Oval 44"/>
          <p:cNvSpPr/>
          <p:nvPr/>
        </p:nvSpPr>
        <p:spPr>
          <a:xfrm>
            <a:off x="6057103" y="3069679"/>
            <a:ext cx="170232" cy="170232"/>
          </a:xfrm>
          <a:prstGeom prst="ellipse">
            <a:avLst/>
          </a:prstGeom>
          <a:solidFill>
            <a:schemeClr val="accent5"/>
          </a:solidFill>
          <a:ln w="25400">
            <a:solidFill>
              <a:schemeClr val="accent5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56" name="Arc 55"/>
          <p:cNvSpPr/>
          <p:nvPr/>
        </p:nvSpPr>
        <p:spPr>
          <a:xfrm>
            <a:off x="5796680" y="3156597"/>
            <a:ext cx="947944" cy="666103"/>
          </a:xfrm>
          <a:prstGeom prst="arc">
            <a:avLst/>
          </a:prstGeom>
          <a:ln w="12700">
            <a:solidFill>
              <a:schemeClr val="tx1"/>
            </a:solidFill>
            <a:headEnd type="stealt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grpSp>
        <p:nvGrpSpPr>
          <p:cNvPr id="63" name="Group 62"/>
          <p:cNvGrpSpPr/>
          <p:nvPr/>
        </p:nvGrpSpPr>
        <p:grpSpPr>
          <a:xfrm>
            <a:off x="4294041" y="3429962"/>
            <a:ext cx="3606350" cy="9166"/>
            <a:chOff x="4294041" y="3429962"/>
            <a:chExt cx="3606350" cy="9166"/>
          </a:xfrm>
        </p:grpSpPr>
        <p:cxnSp>
          <p:nvCxnSpPr>
            <p:cNvPr id="60" name="Straight Connector 59"/>
            <p:cNvCxnSpPr>
              <a:endCxn id="12" idx="3"/>
            </p:cNvCxnSpPr>
            <p:nvPr/>
          </p:nvCxnSpPr>
          <p:spPr>
            <a:xfrm flipV="1">
              <a:off x="4294041" y="3429962"/>
              <a:ext cx="3606350" cy="9166"/>
            </a:xfrm>
            <a:prstGeom prst="line">
              <a:avLst/>
            </a:prstGeom>
            <a:ln w="254000">
              <a:gradFill flip="none" rotWithShape="1">
                <a:gsLst>
                  <a:gs pos="0">
                    <a:schemeClr val="accent5">
                      <a:alpha val="0"/>
                    </a:schemeClr>
                  </a:gs>
                  <a:gs pos="50000">
                    <a:schemeClr val="accent5"/>
                  </a:gs>
                  <a:gs pos="100000">
                    <a:schemeClr val="accent5">
                      <a:alpha val="0"/>
                    </a:schemeClr>
                  </a:gs>
                </a:gsLst>
                <a:lin ang="5400000" scaled="1"/>
                <a:tileRect/>
              </a:gradFill>
              <a:prstDash val="soli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9" name="Straight Connector 58"/>
            <p:cNvCxnSpPr/>
            <p:nvPr/>
          </p:nvCxnSpPr>
          <p:spPr>
            <a:xfrm>
              <a:off x="4294041" y="3439127"/>
              <a:ext cx="3596249" cy="0"/>
            </a:xfrm>
            <a:prstGeom prst="line">
              <a:avLst/>
            </a:prstGeom>
            <a:ln w="25400">
              <a:solidFill>
                <a:schemeClr val="accent5">
                  <a:lumMod val="75000"/>
                </a:schemeClr>
              </a:solidFill>
              <a:prstDash val="sys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cxnSp>
        <p:nvCxnSpPr>
          <p:cNvPr id="65" name="Straight Arrow Connector 64"/>
          <p:cNvCxnSpPr/>
          <p:nvPr/>
        </p:nvCxnSpPr>
        <p:spPr>
          <a:xfrm>
            <a:off x="5029200" y="3154795"/>
            <a:ext cx="0" cy="284332"/>
          </a:xfrm>
          <a:prstGeom prst="straightConnector1">
            <a:avLst/>
          </a:prstGeom>
          <a:ln w="12700">
            <a:solidFill>
              <a:schemeClr val="tx1"/>
            </a:solidFill>
            <a:headEnd type="stealth" w="med" len="med"/>
            <a:tailEnd type="stealt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6" name="TextBox 65"/>
          <p:cNvSpPr txBox="1"/>
          <p:nvPr/>
        </p:nvSpPr>
        <p:spPr>
          <a:xfrm>
            <a:off x="4651014" y="2885792"/>
            <a:ext cx="797014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1200" dirty="0" smtClean="0">
                <a:latin typeface="Gentium Basic" panose="02000503060000020004" pitchFamily="2" charset="0"/>
              </a:rPr>
              <a:t>threshold</a:t>
            </a:r>
            <a:endParaRPr lang="de-CH" sz="1200" dirty="0">
              <a:latin typeface="Gentium Basic" panose="02000503060000020004" pitchFamily="2" charset="0"/>
            </a:endParaRPr>
          </a:p>
        </p:txBody>
      </p:sp>
      <p:sp>
        <p:nvSpPr>
          <p:cNvPr id="67" name="Rectangle 66"/>
          <p:cNvSpPr/>
          <p:nvPr/>
        </p:nvSpPr>
        <p:spPr>
          <a:xfrm>
            <a:off x="4309277" y="4700145"/>
            <a:ext cx="3600000" cy="1440000"/>
          </a:xfrm>
          <a:prstGeom prst="rect">
            <a:avLst/>
          </a:prstGeom>
        </p:spPr>
        <p:style>
          <a:lnRef idx="2">
            <a:schemeClr val="accent5"/>
          </a:lnRef>
          <a:fillRef idx="1002">
            <a:schemeClr val="lt2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e-CH" sz="1200" dirty="0">
              <a:latin typeface="Gentium Basic" panose="02000503060000020004" pitchFamily="2" charset="0"/>
            </a:endParaRPr>
          </a:p>
        </p:txBody>
      </p:sp>
      <p:sp>
        <p:nvSpPr>
          <p:cNvPr id="69" name="Freeform 68"/>
          <p:cNvSpPr/>
          <p:nvPr/>
        </p:nvSpPr>
        <p:spPr>
          <a:xfrm>
            <a:off x="4308475" y="5375858"/>
            <a:ext cx="3609975" cy="766916"/>
          </a:xfrm>
          <a:custGeom>
            <a:avLst/>
            <a:gdLst>
              <a:gd name="connsiteX0" fmla="*/ 0 w 3606800"/>
              <a:gd name="connsiteY0" fmla="*/ 444745 h 595387"/>
              <a:gd name="connsiteX1" fmla="*/ 273050 w 3606800"/>
              <a:gd name="connsiteY1" fmla="*/ 245 h 595387"/>
              <a:gd name="connsiteX2" fmla="*/ 412750 w 3606800"/>
              <a:gd name="connsiteY2" fmla="*/ 381245 h 595387"/>
              <a:gd name="connsiteX3" fmla="*/ 622300 w 3606800"/>
              <a:gd name="connsiteY3" fmla="*/ 343145 h 595387"/>
              <a:gd name="connsiteX4" fmla="*/ 882650 w 3606800"/>
              <a:gd name="connsiteY4" fmla="*/ 412995 h 595387"/>
              <a:gd name="connsiteX5" fmla="*/ 1073150 w 3606800"/>
              <a:gd name="connsiteY5" fmla="*/ 25645 h 595387"/>
              <a:gd name="connsiteX6" fmla="*/ 1225550 w 3606800"/>
              <a:gd name="connsiteY6" fmla="*/ 552695 h 595387"/>
              <a:gd name="connsiteX7" fmla="*/ 1981200 w 3606800"/>
              <a:gd name="connsiteY7" fmla="*/ 508245 h 595387"/>
              <a:gd name="connsiteX8" fmla="*/ 2857500 w 3606800"/>
              <a:gd name="connsiteY8" fmla="*/ 578095 h 595387"/>
              <a:gd name="connsiteX9" fmla="*/ 3181350 w 3606800"/>
              <a:gd name="connsiteY9" fmla="*/ 222495 h 595387"/>
              <a:gd name="connsiteX10" fmla="*/ 3390900 w 3606800"/>
              <a:gd name="connsiteY10" fmla="*/ 571745 h 595387"/>
              <a:gd name="connsiteX11" fmla="*/ 3606800 w 3606800"/>
              <a:gd name="connsiteY11" fmla="*/ 565395 h 595387"/>
              <a:gd name="connsiteX0" fmla="*/ 0 w 3606800"/>
              <a:gd name="connsiteY0" fmla="*/ 444745 h 595387"/>
              <a:gd name="connsiteX1" fmla="*/ 273050 w 3606800"/>
              <a:gd name="connsiteY1" fmla="*/ 245 h 595387"/>
              <a:gd name="connsiteX2" fmla="*/ 412750 w 3606800"/>
              <a:gd name="connsiteY2" fmla="*/ 381245 h 595387"/>
              <a:gd name="connsiteX3" fmla="*/ 622300 w 3606800"/>
              <a:gd name="connsiteY3" fmla="*/ 343145 h 595387"/>
              <a:gd name="connsiteX4" fmla="*/ 882650 w 3606800"/>
              <a:gd name="connsiteY4" fmla="*/ 412995 h 595387"/>
              <a:gd name="connsiteX5" fmla="*/ 1073150 w 3606800"/>
              <a:gd name="connsiteY5" fmla="*/ 25645 h 595387"/>
              <a:gd name="connsiteX6" fmla="*/ 1258888 w 3606800"/>
              <a:gd name="connsiteY6" fmla="*/ 524762 h 595387"/>
              <a:gd name="connsiteX7" fmla="*/ 1981200 w 3606800"/>
              <a:gd name="connsiteY7" fmla="*/ 508245 h 595387"/>
              <a:gd name="connsiteX8" fmla="*/ 2857500 w 3606800"/>
              <a:gd name="connsiteY8" fmla="*/ 578095 h 595387"/>
              <a:gd name="connsiteX9" fmla="*/ 3181350 w 3606800"/>
              <a:gd name="connsiteY9" fmla="*/ 222495 h 595387"/>
              <a:gd name="connsiteX10" fmla="*/ 3390900 w 3606800"/>
              <a:gd name="connsiteY10" fmla="*/ 571745 h 595387"/>
              <a:gd name="connsiteX11" fmla="*/ 3606800 w 3606800"/>
              <a:gd name="connsiteY11" fmla="*/ 565395 h 595387"/>
              <a:gd name="connsiteX0" fmla="*/ 0 w 3606800"/>
              <a:gd name="connsiteY0" fmla="*/ 444745 h 595387"/>
              <a:gd name="connsiteX1" fmla="*/ 273050 w 3606800"/>
              <a:gd name="connsiteY1" fmla="*/ 245 h 595387"/>
              <a:gd name="connsiteX2" fmla="*/ 412750 w 3606800"/>
              <a:gd name="connsiteY2" fmla="*/ 381245 h 595387"/>
              <a:gd name="connsiteX3" fmla="*/ 622300 w 3606800"/>
              <a:gd name="connsiteY3" fmla="*/ 343145 h 595387"/>
              <a:gd name="connsiteX4" fmla="*/ 882650 w 3606800"/>
              <a:gd name="connsiteY4" fmla="*/ 412995 h 595387"/>
              <a:gd name="connsiteX5" fmla="*/ 1073150 w 3606800"/>
              <a:gd name="connsiteY5" fmla="*/ 25645 h 595387"/>
              <a:gd name="connsiteX6" fmla="*/ 1258888 w 3606800"/>
              <a:gd name="connsiteY6" fmla="*/ 524762 h 595387"/>
              <a:gd name="connsiteX7" fmla="*/ 1981200 w 3606800"/>
              <a:gd name="connsiteY7" fmla="*/ 508245 h 595387"/>
              <a:gd name="connsiteX8" fmla="*/ 2890838 w 3606800"/>
              <a:gd name="connsiteY8" fmla="*/ 546671 h 595387"/>
              <a:gd name="connsiteX9" fmla="*/ 3181350 w 3606800"/>
              <a:gd name="connsiteY9" fmla="*/ 222495 h 595387"/>
              <a:gd name="connsiteX10" fmla="*/ 3390900 w 3606800"/>
              <a:gd name="connsiteY10" fmla="*/ 571745 h 595387"/>
              <a:gd name="connsiteX11" fmla="*/ 3606800 w 3606800"/>
              <a:gd name="connsiteY11" fmla="*/ 565395 h 595387"/>
              <a:gd name="connsiteX0" fmla="*/ 0 w 3606800"/>
              <a:gd name="connsiteY0" fmla="*/ 444745 h 595387"/>
              <a:gd name="connsiteX1" fmla="*/ 273050 w 3606800"/>
              <a:gd name="connsiteY1" fmla="*/ 245 h 595387"/>
              <a:gd name="connsiteX2" fmla="*/ 412750 w 3606800"/>
              <a:gd name="connsiteY2" fmla="*/ 381245 h 595387"/>
              <a:gd name="connsiteX3" fmla="*/ 622300 w 3606800"/>
              <a:gd name="connsiteY3" fmla="*/ 343145 h 595387"/>
              <a:gd name="connsiteX4" fmla="*/ 882650 w 3606800"/>
              <a:gd name="connsiteY4" fmla="*/ 412995 h 595387"/>
              <a:gd name="connsiteX5" fmla="*/ 1073150 w 3606800"/>
              <a:gd name="connsiteY5" fmla="*/ 25645 h 595387"/>
              <a:gd name="connsiteX6" fmla="*/ 1258888 w 3606800"/>
              <a:gd name="connsiteY6" fmla="*/ 524762 h 595387"/>
              <a:gd name="connsiteX7" fmla="*/ 1828800 w 3606800"/>
              <a:gd name="connsiteY7" fmla="*/ 532687 h 595387"/>
              <a:gd name="connsiteX8" fmla="*/ 2890838 w 3606800"/>
              <a:gd name="connsiteY8" fmla="*/ 546671 h 595387"/>
              <a:gd name="connsiteX9" fmla="*/ 3181350 w 3606800"/>
              <a:gd name="connsiteY9" fmla="*/ 222495 h 595387"/>
              <a:gd name="connsiteX10" fmla="*/ 3390900 w 3606800"/>
              <a:gd name="connsiteY10" fmla="*/ 571745 h 595387"/>
              <a:gd name="connsiteX11" fmla="*/ 3606800 w 3606800"/>
              <a:gd name="connsiteY11" fmla="*/ 565395 h 595387"/>
              <a:gd name="connsiteX0" fmla="*/ 0 w 3606800"/>
              <a:gd name="connsiteY0" fmla="*/ 444745 h 595387"/>
              <a:gd name="connsiteX1" fmla="*/ 273050 w 3606800"/>
              <a:gd name="connsiteY1" fmla="*/ 245 h 595387"/>
              <a:gd name="connsiteX2" fmla="*/ 412750 w 3606800"/>
              <a:gd name="connsiteY2" fmla="*/ 381245 h 595387"/>
              <a:gd name="connsiteX3" fmla="*/ 622300 w 3606800"/>
              <a:gd name="connsiteY3" fmla="*/ 343145 h 595387"/>
              <a:gd name="connsiteX4" fmla="*/ 882650 w 3606800"/>
              <a:gd name="connsiteY4" fmla="*/ 412995 h 595387"/>
              <a:gd name="connsiteX5" fmla="*/ 1073150 w 3606800"/>
              <a:gd name="connsiteY5" fmla="*/ 25645 h 595387"/>
              <a:gd name="connsiteX6" fmla="*/ 1258888 w 3606800"/>
              <a:gd name="connsiteY6" fmla="*/ 524762 h 595387"/>
              <a:gd name="connsiteX7" fmla="*/ 2085975 w 3606800"/>
              <a:gd name="connsiteY7" fmla="*/ 525704 h 595387"/>
              <a:gd name="connsiteX8" fmla="*/ 2890838 w 3606800"/>
              <a:gd name="connsiteY8" fmla="*/ 546671 h 595387"/>
              <a:gd name="connsiteX9" fmla="*/ 3181350 w 3606800"/>
              <a:gd name="connsiteY9" fmla="*/ 222495 h 595387"/>
              <a:gd name="connsiteX10" fmla="*/ 3390900 w 3606800"/>
              <a:gd name="connsiteY10" fmla="*/ 571745 h 595387"/>
              <a:gd name="connsiteX11" fmla="*/ 3606800 w 3606800"/>
              <a:gd name="connsiteY11" fmla="*/ 565395 h 595387"/>
              <a:gd name="connsiteX0" fmla="*/ 0 w 3606800"/>
              <a:gd name="connsiteY0" fmla="*/ 444745 h 565395"/>
              <a:gd name="connsiteX1" fmla="*/ 273050 w 3606800"/>
              <a:gd name="connsiteY1" fmla="*/ 245 h 565395"/>
              <a:gd name="connsiteX2" fmla="*/ 412750 w 3606800"/>
              <a:gd name="connsiteY2" fmla="*/ 381245 h 565395"/>
              <a:gd name="connsiteX3" fmla="*/ 622300 w 3606800"/>
              <a:gd name="connsiteY3" fmla="*/ 343145 h 565395"/>
              <a:gd name="connsiteX4" fmla="*/ 882650 w 3606800"/>
              <a:gd name="connsiteY4" fmla="*/ 412995 h 565395"/>
              <a:gd name="connsiteX5" fmla="*/ 1073150 w 3606800"/>
              <a:gd name="connsiteY5" fmla="*/ 25645 h 565395"/>
              <a:gd name="connsiteX6" fmla="*/ 1258888 w 3606800"/>
              <a:gd name="connsiteY6" fmla="*/ 524762 h 565395"/>
              <a:gd name="connsiteX7" fmla="*/ 2085975 w 3606800"/>
              <a:gd name="connsiteY7" fmla="*/ 525704 h 565395"/>
              <a:gd name="connsiteX8" fmla="*/ 2890838 w 3606800"/>
              <a:gd name="connsiteY8" fmla="*/ 546671 h 565395"/>
              <a:gd name="connsiteX9" fmla="*/ 3181350 w 3606800"/>
              <a:gd name="connsiteY9" fmla="*/ 222495 h 565395"/>
              <a:gd name="connsiteX10" fmla="*/ 3357563 w 3606800"/>
              <a:gd name="connsiteY10" fmla="*/ 512387 h 565395"/>
              <a:gd name="connsiteX11" fmla="*/ 3606800 w 3606800"/>
              <a:gd name="connsiteY11" fmla="*/ 565395 h 565395"/>
              <a:gd name="connsiteX0" fmla="*/ 0 w 3606800"/>
              <a:gd name="connsiteY0" fmla="*/ 444745 h 565395"/>
              <a:gd name="connsiteX1" fmla="*/ 273050 w 3606800"/>
              <a:gd name="connsiteY1" fmla="*/ 245 h 565395"/>
              <a:gd name="connsiteX2" fmla="*/ 412750 w 3606800"/>
              <a:gd name="connsiteY2" fmla="*/ 381245 h 565395"/>
              <a:gd name="connsiteX3" fmla="*/ 622300 w 3606800"/>
              <a:gd name="connsiteY3" fmla="*/ 343145 h 565395"/>
              <a:gd name="connsiteX4" fmla="*/ 854075 w 3606800"/>
              <a:gd name="connsiteY4" fmla="*/ 364112 h 565395"/>
              <a:gd name="connsiteX5" fmla="*/ 1073150 w 3606800"/>
              <a:gd name="connsiteY5" fmla="*/ 25645 h 565395"/>
              <a:gd name="connsiteX6" fmla="*/ 1258888 w 3606800"/>
              <a:gd name="connsiteY6" fmla="*/ 524762 h 565395"/>
              <a:gd name="connsiteX7" fmla="*/ 2085975 w 3606800"/>
              <a:gd name="connsiteY7" fmla="*/ 525704 h 565395"/>
              <a:gd name="connsiteX8" fmla="*/ 2890838 w 3606800"/>
              <a:gd name="connsiteY8" fmla="*/ 546671 h 565395"/>
              <a:gd name="connsiteX9" fmla="*/ 3181350 w 3606800"/>
              <a:gd name="connsiteY9" fmla="*/ 222495 h 565395"/>
              <a:gd name="connsiteX10" fmla="*/ 3357563 w 3606800"/>
              <a:gd name="connsiteY10" fmla="*/ 512387 h 565395"/>
              <a:gd name="connsiteX11" fmla="*/ 3606800 w 3606800"/>
              <a:gd name="connsiteY11" fmla="*/ 565395 h 565395"/>
              <a:gd name="connsiteX0" fmla="*/ 0 w 3606800"/>
              <a:gd name="connsiteY0" fmla="*/ 444501 h 565151"/>
              <a:gd name="connsiteX1" fmla="*/ 273050 w 3606800"/>
              <a:gd name="connsiteY1" fmla="*/ 1 h 565151"/>
              <a:gd name="connsiteX2" fmla="*/ 427038 w 3606800"/>
              <a:gd name="connsiteY2" fmla="*/ 443850 h 565151"/>
              <a:gd name="connsiteX3" fmla="*/ 622300 w 3606800"/>
              <a:gd name="connsiteY3" fmla="*/ 342901 h 565151"/>
              <a:gd name="connsiteX4" fmla="*/ 854075 w 3606800"/>
              <a:gd name="connsiteY4" fmla="*/ 363868 h 565151"/>
              <a:gd name="connsiteX5" fmla="*/ 1073150 w 3606800"/>
              <a:gd name="connsiteY5" fmla="*/ 25401 h 565151"/>
              <a:gd name="connsiteX6" fmla="*/ 1258888 w 3606800"/>
              <a:gd name="connsiteY6" fmla="*/ 524518 h 565151"/>
              <a:gd name="connsiteX7" fmla="*/ 2085975 w 3606800"/>
              <a:gd name="connsiteY7" fmla="*/ 525460 h 565151"/>
              <a:gd name="connsiteX8" fmla="*/ 2890838 w 3606800"/>
              <a:gd name="connsiteY8" fmla="*/ 546427 h 565151"/>
              <a:gd name="connsiteX9" fmla="*/ 3181350 w 3606800"/>
              <a:gd name="connsiteY9" fmla="*/ 222251 h 565151"/>
              <a:gd name="connsiteX10" fmla="*/ 3357563 w 3606800"/>
              <a:gd name="connsiteY10" fmla="*/ 512143 h 565151"/>
              <a:gd name="connsiteX11" fmla="*/ 3606800 w 3606800"/>
              <a:gd name="connsiteY11" fmla="*/ 565151 h 565151"/>
              <a:gd name="connsiteX0" fmla="*/ 0 w 3606800"/>
              <a:gd name="connsiteY0" fmla="*/ 441010 h 561660"/>
              <a:gd name="connsiteX1" fmla="*/ 320675 w 3606800"/>
              <a:gd name="connsiteY1" fmla="*/ 1 h 561660"/>
              <a:gd name="connsiteX2" fmla="*/ 427038 w 3606800"/>
              <a:gd name="connsiteY2" fmla="*/ 440359 h 561660"/>
              <a:gd name="connsiteX3" fmla="*/ 622300 w 3606800"/>
              <a:gd name="connsiteY3" fmla="*/ 339410 h 561660"/>
              <a:gd name="connsiteX4" fmla="*/ 854075 w 3606800"/>
              <a:gd name="connsiteY4" fmla="*/ 360377 h 561660"/>
              <a:gd name="connsiteX5" fmla="*/ 1073150 w 3606800"/>
              <a:gd name="connsiteY5" fmla="*/ 21910 h 561660"/>
              <a:gd name="connsiteX6" fmla="*/ 1258888 w 3606800"/>
              <a:gd name="connsiteY6" fmla="*/ 521027 h 561660"/>
              <a:gd name="connsiteX7" fmla="*/ 2085975 w 3606800"/>
              <a:gd name="connsiteY7" fmla="*/ 521969 h 561660"/>
              <a:gd name="connsiteX8" fmla="*/ 2890838 w 3606800"/>
              <a:gd name="connsiteY8" fmla="*/ 542936 h 561660"/>
              <a:gd name="connsiteX9" fmla="*/ 3181350 w 3606800"/>
              <a:gd name="connsiteY9" fmla="*/ 218760 h 561660"/>
              <a:gd name="connsiteX10" fmla="*/ 3357563 w 3606800"/>
              <a:gd name="connsiteY10" fmla="*/ 508652 h 561660"/>
              <a:gd name="connsiteX11" fmla="*/ 3606800 w 3606800"/>
              <a:gd name="connsiteY11" fmla="*/ 561660 h 561660"/>
              <a:gd name="connsiteX0" fmla="*/ 0 w 3606800"/>
              <a:gd name="connsiteY0" fmla="*/ 441010 h 576800"/>
              <a:gd name="connsiteX1" fmla="*/ 320675 w 3606800"/>
              <a:gd name="connsiteY1" fmla="*/ 1 h 576800"/>
              <a:gd name="connsiteX2" fmla="*/ 427038 w 3606800"/>
              <a:gd name="connsiteY2" fmla="*/ 440359 h 576800"/>
              <a:gd name="connsiteX3" fmla="*/ 622300 w 3606800"/>
              <a:gd name="connsiteY3" fmla="*/ 339410 h 576800"/>
              <a:gd name="connsiteX4" fmla="*/ 854075 w 3606800"/>
              <a:gd name="connsiteY4" fmla="*/ 360377 h 576800"/>
              <a:gd name="connsiteX5" fmla="*/ 1073150 w 3606800"/>
              <a:gd name="connsiteY5" fmla="*/ 21910 h 576800"/>
              <a:gd name="connsiteX6" fmla="*/ 1258888 w 3606800"/>
              <a:gd name="connsiteY6" fmla="*/ 521027 h 576800"/>
              <a:gd name="connsiteX7" fmla="*/ 2085975 w 3606800"/>
              <a:gd name="connsiteY7" fmla="*/ 521969 h 576800"/>
              <a:gd name="connsiteX8" fmla="*/ 2890838 w 3606800"/>
              <a:gd name="connsiteY8" fmla="*/ 542936 h 576800"/>
              <a:gd name="connsiteX9" fmla="*/ 3057525 w 3606800"/>
              <a:gd name="connsiteY9" fmla="*/ 9263 h 576800"/>
              <a:gd name="connsiteX10" fmla="*/ 3357563 w 3606800"/>
              <a:gd name="connsiteY10" fmla="*/ 508652 h 576800"/>
              <a:gd name="connsiteX11" fmla="*/ 3606800 w 3606800"/>
              <a:gd name="connsiteY11" fmla="*/ 561660 h 576800"/>
              <a:gd name="connsiteX0" fmla="*/ 0 w 3606800"/>
              <a:gd name="connsiteY0" fmla="*/ 441010 h 569463"/>
              <a:gd name="connsiteX1" fmla="*/ 320675 w 3606800"/>
              <a:gd name="connsiteY1" fmla="*/ 1 h 569463"/>
              <a:gd name="connsiteX2" fmla="*/ 427038 w 3606800"/>
              <a:gd name="connsiteY2" fmla="*/ 440359 h 569463"/>
              <a:gd name="connsiteX3" fmla="*/ 622300 w 3606800"/>
              <a:gd name="connsiteY3" fmla="*/ 339410 h 569463"/>
              <a:gd name="connsiteX4" fmla="*/ 854075 w 3606800"/>
              <a:gd name="connsiteY4" fmla="*/ 360377 h 569463"/>
              <a:gd name="connsiteX5" fmla="*/ 1073150 w 3606800"/>
              <a:gd name="connsiteY5" fmla="*/ 21910 h 569463"/>
              <a:gd name="connsiteX6" fmla="*/ 1258888 w 3606800"/>
              <a:gd name="connsiteY6" fmla="*/ 521027 h 569463"/>
              <a:gd name="connsiteX7" fmla="*/ 2085975 w 3606800"/>
              <a:gd name="connsiteY7" fmla="*/ 521969 h 569463"/>
              <a:gd name="connsiteX8" fmla="*/ 2738438 w 3606800"/>
              <a:gd name="connsiteY8" fmla="*/ 497545 h 569463"/>
              <a:gd name="connsiteX9" fmla="*/ 3057525 w 3606800"/>
              <a:gd name="connsiteY9" fmla="*/ 9263 h 569463"/>
              <a:gd name="connsiteX10" fmla="*/ 3357563 w 3606800"/>
              <a:gd name="connsiteY10" fmla="*/ 508652 h 569463"/>
              <a:gd name="connsiteX11" fmla="*/ 3606800 w 3606800"/>
              <a:gd name="connsiteY11" fmla="*/ 561660 h 569463"/>
              <a:gd name="connsiteX0" fmla="*/ 0 w 3606800"/>
              <a:gd name="connsiteY0" fmla="*/ 441593 h 570046"/>
              <a:gd name="connsiteX1" fmla="*/ 320675 w 3606800"/>
              <a:gd name="connsiteY1" fmla="*/ 584 h 570046"/>
              <a:gd name="connsiteX2" fmla="*/ 427038 w 3606800"/>
              <a:gd name="connsiteY2" fmla="*/ 440942 h 570046"/>
              <a:gd name="connsiteX3" fmla="*/ 622300 w 3606800"/>
              <a:gd name="connsiteY3" fmla="*/ 339993 h 570046"/>
              <a:gd name="connsiteX4" fmla="*/ 854075 w 3606800"/>
              <a:gd name="connsiteY4" fmla="*/ 360960 h 570046"/>
              <a:gd name="connsiteX5" fmla="*/ 1158875 w 3606800"/>
              <a:gd name="connsiteY5" fmla="*/ 1543 h 570046"/>
              <a:gd name="connsiteX6" fmla="*/ 1258888 w 3606800"/>
              <a:gd name="connsiteY6" fmla="*/ 521610 h 570046"/>
              <a:gd name="connsiteX7" fmla="*/ 2085975 w 3606800"/>
              <a:gd name="connsiteY7" fmla="*/ 522552 h 570046"/>
              <a:gd name="connsiteX8" fmla="*/ 2738438 w 3606800"/>
              <a:gd name="connsiteY8" fmla="*/ 498128 h 570046"/>
              <a:gd name="connsiteX9" fmla="*/ 3057525 w 3606800"/>
              <a:gd name="connsiteY9" fmla="*/ 9846 h 570046"/>
              <a:gd name="connsiteX10" fmla="*/ 3357563 w 3606800"/>
              <a:gd name="connsiteY10" fmla="*/ 509235 h 570046"/>
              <a:gd name="connsiteX11" fmla="*/ 3606800 w 3606800"/>
              <a:gd name="connsiteY11" fmla="*/ 562243 h 570046"/>
              <a:gd name="connsiteX0" fmla="*/ 0 w 3606800"/>
              <a:gd name="connsiteY0" fmla="*/ 441128 h 569581"/>
              <a:gd name="connsiteX1" fmla="*/ 320675 w 3606800"/>
              <a:gd name="connsiteY1" fmla="*/ 119 h 569581"/>
              <a:gd name="connsiteX2" fmla="*/ 427038 w 3606800"/>
              <a:gd name="connsiteY2" fmla="*/ 440477 h 569581"/>
              <a:gd name="connsiteX3" fmla="*/ 622300 w 3606800"/>
              <a:gd name="connsiteY3" fmla="*/ 339528 h 569581"/>
              <a:gd name="connsiteX4" fmla="*/ 854075 w 3606800"/>
              <a:gd name="connsiteY4" fmla="*/ 360495 h 569581"/>
              <a:gd name="connsiteX5" fmla="*/ 1158875 w 3606800"/>
              <a:gd name="connsiteY5" fmla="*/ 1078 h 569581"/>
              <a:gd name="connsiteX6" fmla="*/ 1468438 w 3606800"/>
              <a:gd name="connsiteY6" fmla="*/ 493212 h 569581"/>
              <a:gd name="connsiteX7" fmla="*/ 2085975 w 3606800"/>
              <a:gd name="connsiteY7" fmla="*/ 522087 h 569581"/>
              <a:gd name="connsiteX8" fmla="*/ 2738438 w 3606800"/>
              <a:gd name="connsiteY8" fmla="*/ 497663 h 569581"/>
              <a:gd name="connsiteX9" fmla="*/ 3057525 w 3606800"/>
              <a:gd name="connsiteY9" fmla="*/ 9381 h 569581"/>
              <a:gd name="connsiteX10" fmla="*/ 3357563 w 3606800"/>
              <a:gd name="connsiteY10" fmla="*/ 508770 h 569581"/>
              <a:gd name="connsiteX11" fmla="*/ 3606800 w 3606800"/>
              <a:gd name="connsiteY11" fmla="*/ 561778 h 569581"/>
              <a:gd name="connsiteX0" fmla="*/ 0 w 3606800"/>
              <a:gd name="connsiteY0" fmla="*/ 441010 h 569463"/>
              <a:gd name="connsiteX1" fmla="*/ 320675 w 3606800"/>
              <a:gd name="connsiteY1" fmla="*/ 1 h 569463"/>
              <a:gd name="connsiteX2" fmla="*/ 427038 w 3606800"/>
              <a:gd name="connsiteY2" fmla="*/ 440359 h 569463"/>
              <a:gd name="connsiteX3" fmla="*/ 622300 w 3606800"/>
              <a:gd name="connsiteY3" fmla="*/ 339410 h 569463"/>
              <a:gd name="connsiteX4" fmla="*/ 854075 w 3606800"/>
              <a:gd name="connsiteY4" fmla="*/ 360377 h 569463"/>
              <a:gd name="connsiteX5" fmla="*/ 1135062 w 3606800"/>
              <a:gd name="connsiteY5" fmla="*/ 4452 h 569463"/>
              <a:gd name="connsiteX6" fmla="*/ 1468438 w 3606800"/>
              <a:gd name="connsiteY6" fmla="*/ 493094 h 569463"/>
              <a:gd name="connsiteX7" fmla="*/ 2085975 w 3606800"/>
              <a:gd name="connsiteY7" fmla="*/ 521969 h 569463"/>
              <a:gd name="connsiteX8" fmla="*/ 2738438 w 3606800"/>
              <a:gd name="connsiteY8" fmla="*/ 497545 h 569463"/>
              <a:gd name="connsiteX9" fmla="*/ 3057525 w 3606800"/>
              <a:gd name="connsiteY9" fmla="*/ 9263 h 569463"/>
              <a:gd name="connsiteX10" fmla="*/ 3357563 w 3606800"/>
              <a:gd name="connsiteY10" fmla="*/ 508652 h 569463"/>
              <a:gd name="connsiteX11" fmla="*/ 3606800 w 3606800"/>
              <a:gd name="connsiteY11" fmla="*/ 561660 h 569463"/>
              <a:gd name="connsiteX0" fmla="*/ 0 w 3606800"/>
              <a:gd name="connsiteY0" fmla="*/ 437645 h 566098"/>
              <a:gd name="connsiteX1" fmla="*/ 292100 w 3606800"/>
              <a:gd name="connsiteY1" fmla="*/ 21077 h 566098"/>
              <a:gd name="connsiteX2" fmla="*/ 427038 w 3606800"/>
              <a:gd name="connsiteY2" fmla="*/ 436994 h 566098"/>
              <a:gd name="connsiteX3" fmla="*/ 622300 w 3606800"/>
              <a:gd name="connsiteY3" fmla="*/ 336045 h 566098"/>
              <a:gd name="connsiteX4" fmla="*/ 854075 w 3606800"/>
              <a:gd name="connsiteY4" fmla="*/ 357012 h 566098"/>
              <a:gd name="connsiteX5" fmla="*/ 1135062 w 3606800"/>
              <a:gd name="connsiteY5" fmla="*/ 1087 h 566098"/>
              <a:gd name="connsiteX6" fmla="*/ 1468438 w 3606800"/>
              <a:gd name="connsiteY6" fmla="*/ 489729 h 566098"/>
              <a:gd name="connsiteX7" fmla="*/ 2085975 w 3606800"/>
              <a:gd name="connsiteY7" fmla="*/ 518604 h 566098"/>
              <a:gd name="connsiteX8" fmla="*/ 2738438 w 3606800"/>
              <a:gd name="connsiteY8" fmla="*/ 494180 h 566098"/>
              <a:gd name="connsiteX9" fmla="*/ 3057525 w 3606800"/>
              <a:gd name="connsiteY9" fmla="*/ 5898 h 566098"/>
              <a:gd name="connsiteX10" fmla="*/ 3357563 w 3606800"/>
              <a:gd name="connsiteY10" fmla="*/ 505287 h 566098"/>
              <a:gd name="connsiteX11" fmla="*/ 3606800 w 3606800"/>
              <a:gd name="connsiteY11" fmla="*/ 558295 h 566098"/>
              <a:gd name="connsiteX0" fmla="*/ 0 w 3606800"/>
              <a:gd name="connsiteY0" fmla="*/ 437645 h 566098"/>
              <a:gd name="connsiteX1" fmla="*/ 292100 w 3606800"/>
              <a:gd name="connsiteY1" fmla="*/ 21077 h 566098"/>
              <a:gd name="connsiteX2" fmla="*/ 460375 w 3606800"/>
              <a:gd name="connsiteY2" fmla="*/ 436994 h 566098"/>
              <a:gd name="connsiteX3" fmla="*/ 622300 w 3606800"/>
              <a:gd name="connsiteY3" fmla="*/ 336045 h 566098"/>
              <a:gd name="connsiteX4" fmla="*/ 854075 w 3606800"/>
              <a:gd name="connsiteY4" fmla="*/ 357012 h 566098"/>
              <a:gd name="connsiteX5" fmla="*/ 1135062 w 3606800"/>
              <a:gd name="connsiteY5" fmla="*/ 1087 h 566098"/>
              <a:gd name="connsiteX6" fmla="*/ 1468438 w 3606800"/>
              <a:gd name="connsiteY6" fmla="*/ 489729 h 566098"/>
              <a:gd name="connsiteX7" fmla="*/ 2085975 w 3606800"/>
              <a:gd name="connsiteY7" fmla="*/ 518604 h 566098"/>
              <a:gd name="connsiteX8" fmla="*/ 2738438 w 3606800"/>
              <a:gd name="connsiteY8" fmla="*/ 494180 h 566098"/>
              <a:gd name="connsiteX9" fmla="*/ 3057525 w 3606800"/>
              <a:gd name="connsiteY9" fmla="*/ 5898 h 566098"/>
              <a:gd name="connsiteX10" fmla="*/ 3357563 w 3606800"/>
              <a:gd name="connsiteY10" fmla="*/ 505287 h 566098"/>
              <a:gd name="connsiteX11" fmla="*/ 3606800 w 3606800"/>
              <a:gd name="connsiteY11" fmla="*/ 558295 h 566098"/>
              <a:gd name="connsiteX0" fmla="*/ 0 w 3606800"/>
              <a:gd name="connsiteY0" fmla="*/ 437645 h 566098"/>
              <a:gd name="connsiteX1" fmla="*/ 311150 w 3606800"/>
              <a:gd name="connsiteY1" fmla="*/ 31552 h 566098"/>
              <a:gd name="connsiteX2" fmla="*/ 460375 w 3606800"/>
              <a:gd name="connsiteY2" fmla="*/ 436994 h 566098"/>
              <a:gd name="connsiteX3" fmla="*/ 622300 w 3606800"/>
              <a:gd name="connsiteY3" fmla="*/ 336045 h 566098"/>
              <a:gd name="connsiteX4" fmla="*/ 854075 w 3606800"/>
              <a:gd name="connsiteY4" fmla="*/ 357012 h 566098"/>
              <a:gd name="connsiteX5" fmla="*/ 1135062 w 3606800"/>
              <a:gd name="connsiteY5" fmla="*/ 1087 h 566098"/>
              <a:gd name="connsiteX6" fmla="*/ 1468438 w 3606800"/>
              <a:gd name="connsiteY6" fmla="*/ 489729 h 566098"/>
              <a:gd name="connsiteX7" fmla="*/ 2085975 w 3606800"/>
              <a:gd name="connsiteY7" fmla="*/ 518604 h 566098"/>
              <a:gd name="connsiteX8" fmla="*/ 2738438 w 3606800"/>
              <a:gd name="connsiteY8" fmla="*/ 494180 h 566098"/>
              <a:gd name="connsiteX9" fmla="*/ 3057525 w 3606800"/>
              <a:gd name="connsiteY9" fmla="*/ 5898 h 566098"/>
              <a:gd name="connsiteX10" fmla="*/ 3357563 w 3606800"/>
              <a:gd name="connsiteY10" fmla="*/ 505287 h 566098"/>
              <a:gd name="connsiteX11" fmla="*/ 3606800 w 3606800"/>
              <a:gd name="connsiteY11" fmla="*/ 558295 h 566098"/>
              <a:gd name="connsiteX0" fmla="*/ 0 w 3606800"/>
              <a:gd name="connsiteY0" fmla="*/ 437645 h 566098"/>
              <a:gd name="connsiteX1" fmla="*/ 311150 w 3606800"/>
              <a:gd name="connsiteY1" fmla="*/ 7111 h 566098"/>
              <a:gd name="connsiteX2" fmla="*/ 460375 w 3606800"/>
              <a:gd name="connsiteY2" fmla="*/ 436994 h 566098"/>
              <a:gd name="connsiteX3" fmla="*/ 622300 w 3606800"/>
              <a:gd name="connsiteY3" fmla="*/ 336045 h 566098"/>
              <a:gd name="connsiteX4" fmla="*/ 854075 w 3606800"/>
              <a:gd name="connsiteY4" fmla="*/ 357012 h 566098"/>
              <a:gd name="connsiteX5" fmla="*/ 1135062 w 3606800"/>
              <a:gd name="connsiteY5" fmla="*/ 1087 h 566098"/>
              <a:gd name="connsiteX6" fmla="*/ 1468438 w 3606800"/>
              <a:gd name="connsiteY6" fmla="*/ 489729 h 566098"/>
              <a:gd name="connsiteX7" fmla="*/ 2085975 w 3606800"/>
              <a:gd name="connsiteY7" fmla="*/ 518604 h 566098"/>
              <a:gd name="connsiteX8" fmla="*/ 2738438 w 3606800"/>
              <a:gd name="connsiteY8" fmla="*/ 494180 h 566098"/>
              <a:gd name="connsiteX9" fmla="*/ 3057525 w 3606800"/>
              <a:gd name="connsiteY9" fmla="*/ 5898 h 566098"/>
              <a:gd name="connsiteX10" fmla="*/ 3357563 w 3606800"/>
              <a:gd name="connsiteY10" fmla="*/ 505287 h 566098"/>
              <a:gd name="connsiteX11" fmla="*/ 3606800 w 3606800"/>
              <a:gd name="connsiteY11" fmla="*/ 558295 h 566098"/>
              <a:gd name="connsiteX0" fmla="*/ 0 w 3606800"/>
              <a:gd name="connsiteY0" fmla="*/ 437645 h 566098"/>
              <a:gd name="connsiteX1" fmla="*/ 301625 w 3606800"/>
              <a:gd name="connsiteY1" fmla="*/ 14094 h 566098"/>
              <a:gd name="connsiteX2" fmla="*/ 460375 w 3606800"/>
              <a:gd name="connsiteY2" fmla="*/ 436994 h 566098"/>
              <a:gd name="connsiteX3" fmla="*/ 622300 w 3606800"/>
              <a:gd name="connsiteY3" fmla="*/ 336045 h 566098"/>
              <a:gd name="connsiteX4" fmla="*/ 854075 w 3606800"/>
              <a:gd name="connsiteY4" fmla="*/ 357012 h 566098"/>
              <a:gd name="connsiteX5" fmla="*/ 1135062 w 3606800"/>
              <a:gd name="connsiteY5" fmla="*/ 1087 h 566098"/>
              <a:gd name="connsiteX6" fmla="*/ 1468438 w 3606800"/>
              <a:gd name="connsiteY6" fmla="*/ 489729 h 566098"/>
              <a:gd name="connsiteX7" fmla="*/ 2085975 w 3606800"/>
              <a:gd name="connsiteY7" fmla="*/ 518604 h 566098"/>
              <a:gd name="connsiteX8" fmla="*/ 2738438 w 3606800"/>
              <a:gd name="connsiteY8" fmla="*/ 494180 h 566098"/>
              <a:gd name="connsiteX9" fmla="*/ 3057525 w 3606800"/>
              <a:gd name="connsiteY9" fmla="*/ 5898 h 566098"/>
              <a:gd name="connsiteX10" fmla="*/ 3357563 w 3606800"/>
              <a:gd name="connsiteY10" fmla="*/ 505287 h 566098"/>
              <a:gd name="connsiteX11" fmla="*/ 3606800 w 3606800"/>
              <a:gd name="connsiteY11" fmla="*/ 558295 h 566098"/>
              <a:gd name="connsiteX0" fmla="*/ 0 w 3606800"/>
              <a:gd name="connsiteY0" fmla="*/ 437645 h 566098"/>
              <a:gd name="connsiteX1" fmla="*/ 301625 w 3606800"/>
              <a:gd name="connsiteY1" fmla="*/ 14094 h 566098"/>
              <a:gd name="connsiteX2" fmla="*/ 460375 w 3606800"/>
              <a:gd name="connsiteY2" fmla="*/ 436994 h 566098"/>
              <a:gd name="connsiteX3" fmla="*/ 622300 w 3606800"/>
              <a:gd name="connsiteY3" fmla="*/ 336045 h 566098"/>
              <a:gd name="connsiteX4" fmla="*/ 854075 w 3606800"/>
              <a:gd name="connsiteY4" fmla="*/ 357012 h 566098"/>
              <a:gd name="connsiteX5" fmla="*/ 1135062 w 3606800"/>
              <a:gd name="connsiteY5" fmla="*/ 1087 h 566098"/>
              <a:gd name="connsiteX6" fmla="*/ 1468438 w 3606800"/>
              <a:gd name="connsiteY6" fmla="*/ 489729 h 566098"/>
              <a:gd name="connsiteX7" fmla="*/ 2085975 w 3606800"/>
              <a:gd name="connsiteY7" fmla="*/ 518604 h 566098"/>
              <a:gd name="connsiteX8" fmla="*/ 2738438 w 3606800"/>
              <a:gd name="connsiteY8" fmla="*/ 494180 h 566098"/>
              <a:gd name="connsiteX9" fmla="*/ 3057525 w 3606800"/>
              <a:gd name="connsiteY9" fmla="*/ 5898 h 566098"/>
              <a:gd name="connsiteX10" fmla="*/ 3357563 w 3606800"/>
              <a:gd name="connsiteY10" fmla="*/ 505287 h 566098"/>
              <a:gd name="connsiteX11" fmla="*/ 3606800 w 3606800"/>
              <a:gd name="connsiteY11" fmla="*/ 558295 h 566098"/>
              <a:gd name="connsiteX0" fmla="*/ 0 w 3606800"/>
              <a:gd name="connsiteY0" fmla="*/ 437645 h 566098"/>
              <a:gd name="connsiteX1" fmla="*/ 301625 w 3606800"/>
              <a:gd name="connsiteY1" fmla="*/ 14094 h 566098"/>
              <a:gd name="connsiteX2" fmla="*/ 474663 w 3606800"/>
              <a:gd name="connsiteY2" fmla="*/ 440486 h 566098"/>
              <a:gd name="connsiteX3" fmla="*/ 622300 w 3606800"/>
              <a:gd name="connsiteY3" fmla="*/ 336045 h 566098"/>
              <a:gd name="connsiteX4" fmla="*/ 854075 w 3606800"/>
              <a:gd name="connsiteY4" fmla="*/ 357012 h 566098"/>
              <a:gd name="connsiteX5" fmla="*/ 1135062 w 3606800"/>
              <a:gd name="connsiteY5" fmla="*/ 1087 h 566098"/>
              <a:gd name="connsiteX6" fmla="*/ 1468438 w 3606800"/>
              <a:gd name="connsiteY6" fmla="*/ 489729 h 566098"/>
              <a:gd name="connsiteX7" fmla="*/ 2085975 w 3606800"/>
              <a:gd name="connsiteY7" fmla="*/ 518604 h 566098"/>
              <a:gd name="connsiteX8" fmla="*/ 2738438 w 3606800"/>
              <a:gd name="connsiteY8" fmla="*/ 494180 h 566098"/>
              <a:gd name="connsiteX9" fmla="*/ 3057525 w 3606800"/>
              <a:gd name="connsiteY9" fmla="*/ 5898 h 566098"/>
              <a:gd name="connsiteX10" fmla="*/ 3357563 w 3606800"/>
              <a:gd name="connsiteY10" fmla="*/ 505287 h 566098"/>
              <a:gd name="connsiteX11" fmla="*/ 3606800 w 3606800"/>
              <a:gd name="connsiteY11" fmla="*/ 558295 h 566098"/>
              <a:gd name="connsiteX0" fmla="*/ 0 w 3606800"/>
              <a:gd name="connsiteY0" fmla="*/ 437645 h 566098"/>
              <a:gd name="connsiteX1" fmla="*/ 301625 w 3606800"/>
              <a:gd name="connsiteY1" fmla="*/ 14094 h 566098"/>
              <a:gd name="connsiteX2" fmla="*/ 474663 w 3606800"/>
              <a:gd name="connsiteY2" fmla="*/ 440486 h 566098"/>
              <a:gd name="connsiteX3" fmla="*/ 622300 w 3606800"/>
              <a:gd name="connsiteY3" fmla="*/ 336045 h 566098"/>
              <a:gd name="connsiteX4" fmla="*/ 854075 w 3606800"/>
              <a:gd name="connsiteY4" fmla="*/ 357012 h 566098"/>
              <a:gd name="connsiteX5" fmla="*/ 1154112 w 3606800"/>
              <a:gd name="connsiteY5" fmla="*/ 1087 h 566098"/>
              <a:gd name="connsiteX6" fmla="*/ 1468438 w 3606800"/>
              <a:gd name="connsiteY6" fmla="*/ 489729 h 566098"/>
              <a:gd name="connsiteX7" fmla="*/ 2085975 w 3606800"/>
              <a:gd name="connsiteY7" fmla="*/ 518604 h 566098"/>
              <a:gd name="connsiteX8" fmla="*/ 2738438 w 3606800"/>
              <a:gd name="connsiteY8" fmla="*/ 494180 h 566098"/>
              <a:gd name="connsiteX9" fmla="*/ 3057525 w 3606800"/>
              <a:gd name="connsiteY9" fmla="*/ 5898 h 566098"/>
              <a:gd name="connsiteX10" fmla="*/ 3357563 w 3606800"/>
              <a:gd name="connsiteY10" fmla="*/ 505287 h 566098"/>
              <a:gd name="connsiteX11" fmla="*/ 3606800 w 3606800"/>
              <a:gd name="connsiteY11" fmla="*/ 558295 h 566098"/>
              <a:gd name="connsiteX0" fmla="*/ 0 w 3606800"/>
              <a:gd name="connsiteY0" fmla="*/ 436562 h 565015"/>
              <a:gd name="connsiteX1" fmla="*/ 301625 w 3606800"/>
              <a:gd name="connsiteY1" fmla="*/ 13011 h 565015"/>
              <a:gd name="connsiteX2" fmla="*/ 474663 w 3606800"/>
              <a:gd name="connsiteY2" fmla="*/ 439403 h 565015"/>
              <a:gd name="connsiteX3" fmla="*/ 622300 w 3606800"/>
              <a:gd name="connsiteY3" fmla="*/ 334962 h 565015"/>
              <a:gd name="connsiteX4" fmla="*/ 854075 w 3606800"/>
              <a:gd name="connsiteY4" fmla="*/ 355929 h 565015"/>
              <a:gd name="connsiteX5" fmla="*/ 1154112 w 3606800"/>
              <a:gd name="connsiteY5" fmla="*/ 4 h 565015"/>
              <a:gd name="connsiteX6" fmla="*/ 1468438 w 3606800"/>
              <a:gd name="connsiteY6" fmla="*/ 488646 h 565015"/>
              <a:gd name="connsiteX7" fmla="*/ 2085975 w 3606800"/>
              <a:gd name="connsiteY7" fmla="*/ 517521 h 565015"/>
              <a:gd name="connsiteX8" fmla="*/ 2738438 w 3606800"/>
              <a:gd name="connsiteY8" fmla="*/ 493097 h 565015"/>
              <a:gd name="connsiteX9" fmla="*/ 3057525 w 3606800"/>
              <a:gd name="connsiteY9" fmla="*/ 4815 h 565015"/>
              <a:gd name="connsiteX10" fmla="*/ 3357563 w 3606800"/>
              <a:gd name="connsiteY10" fmla="*/ 504204 h 565015"/>
              <a:gd name="connsiteX11" fmla="*/ 3606800 w 3606800"/>
              <a:gd name="connsiteY11" fmla="*/ 557212 h 565015"/>
              <a:gd name="connsiteX0" fmla="*/ 0 w 3606800"/>
              <a:gd name="connsiteY0" fmla="*/ 436562 h 560473"/>
              <a:gd name="connsiteX1" fmla="*/ 301625 w 3606800"/>
              <a:gd name="connsiteY1" fmla="*/ 13011 h 560473"/>
              <a:gd name="connsiteX2" fmla="*/ 474663 w 3606800"/>
              <a:gd name="connsiteY2" fmla="*/ 439403 h 560473"/>
              <a:gd name="connsiteX3" fmla="*/ 622300 w 3606800"/>
              <a:gd name="connsiteY3" fmla="*/ 334962 h 560473"/>
              <a:gd name="connsiteX4" fmla="*/ 854075 w 3606800"/>
              <a:gd name="connsiteY4" fmla="*/ 355929 h 560473"/>
              <a:gd name="connsiteX5" fmla="*/ 1154112 w 3606800"/>
              <a:gd name="connsiteY5" fmla="*/ 4 h 560473"/>
              <a:gd name="connsiteX6" fmla="*/ 1468438 w 3606800"/>
              <a:gd name="connsiteY6" fmla="*/ 488646 h 560473"/>
              <a:gd name="connsiteX7" fmla="*/ 2085975 w 3606800"/>
              <a:gd name="connsiteY7" fmla="*/ 517521 h 560473"/>
              <a:gd name="connsiteX8" fmla="*/ 2738438 w 3606800"/>
              <a:gd name="connsiteY8" fmla="*/ 493097 h 560473"/>
              <a:gd name="connsiteX9" fmla="*/ 3057525 w 3606800"/>
              <a:gd name="connsiteY9" fmla="*/ 4815 h 560473"/>
              <a:gd name="connsiteX10" fmla="*/ 3357563 w 3606800"/>
              <a:gd name="connsiteY10" fmla="*/ 504204 h 560473"/>
              <a:gd name="connsiteX11" fmla="*/ 3606800 w 3606800"/>
              <a:gd name="connsiteY11" fmla="*/ 557212 h 560473"/>
              <a:gd name="connsiteX0" fmla="*/ 0 w 3606800"/>
              <a:gd name="connsiteY0" fmla="*/ 436562 h 557212"/>
              <a:gd name="connsiteX1" fmla="*/ 301625 w 3606800"/>
              <a:gd name="connsiteY1" fmla="*/ 13011 h 557212"/>
              <a:gd name="connsiteX2" fmla="*/ 474663 w 3606800"/>
              <a:gd name="connsiteY2" fmla="*/ 439403 h 557212"/>
              <a:gd name="connsiteX3" fmla="*/ 622300 w 3606800"/>
              <a:gd name="connsiteY3" fmla="*/ 334962 h 557212"/>
              <a:gd name="connsiteX4" fmla="*/ 854075 w 3606800"/>
              <a:gd name="connsiteY4" fmla="*/ 355929 h 557212"/>
              <a:gd name="connsiteX5" fmla="*/ 1154112 w 3606800"/>
              <a:gd name="connsiteY5" fmla="*/ 4 h 557212"/>
              <a:gd name="connsiteX6" fmla="*/ 1468438 w 3606800"/>
              <a:gd name="connsiteY6" fmla="*/ 488646 h 557212"/>
              <a:gd name="connsiteX7" fmla="*/ 2085975 w 3606800"/>
              <a:gd name="connsiteY7" fmla="*/ 517521 h 557212"/>
              <a:gd name="connsiteX8" fmla="*/ 2738438 w 3606800"/>
              <a:gd name="connsiteY8" fmla="*/ 493097 h 557212"/>
              <a:gd name="connsiteX9" fmla="*/ 3057525 w 3606800"/>
              <a:gd name="connsiteY9" fmla="*/ 4815 h 557212"/>
              <a:gd name="connsiteX10" fmla="*/ 3287713 w 3606800"/>
              <a:gd name="connsiteY10" fmla="*/ 345917 h 557212"/>
              <a:gd name="connsiteX11" fmla="*/ 3606800 w 3606800"/>
              <a:gd name="connsiteY11" fmla="*/ 557212 h 557212"/>
              <a:gd name="connsiteX0" fmla="*/ 0 w 3606800"/>
              <a:gd name="connsiteY0" fmla="*/ 436562 h 557212"/>
              <a:gd name="connsiteX1" fmla="*/ 301625 w 3606800"/>
              <a:gd name="connsiteY1" fmla="*/ 13011 h 557212"/>
              <a:gd name="connsiteX2" fmla="*/ 474663 w 3606800"/>
              <a:gd name="connsiteY2" fmla="*/ 439403 h 557212"/>
              <a:gd name="connsiteX3" fmla="*/ 622300 w 3606800"/>
              <a:gd name="connsiteY3" fmla="*/ 334962 h 557212"/>
              <a:gd name="connsiteX4" fmla="*/ 854075 w 3606800"/>
              <a:gd name="connsiteY4" fmla="*/ 355929 h 557212"/>
              <a:gd name="connsiteX5" fmla="*/ 1154112 w 3606800"/>
              <a:gd name="connsiteY5" fmla="*/ 4 h 557212"/>
              <a:gd name="connsiteX6" fmla="*/ 1468438 w 3606800"/>
              <a:gd name="connsiteY6" fmla="*/ 488646 h 557212"/>
              <a:gd name="connsiteX7" fmla="*/ 2085975 w 3606800"/>
              <a:gd name="connsiteY7" fmla="*/ 517521 h 557212"/>
              <a:gd name="connsiteX8" fmla="*/ 2738438 w 3606800"/>
              <a:gd name="connsiteY8" fmla="*/ 493097 h 557212"/>
              <a:gd name="connsiteX9" fmla="*/ 3057525 w 3606800"/>
              <a:gd name="connsiteY9" fmla="*/ 4815 h 557212"/>
              <a:gd name="connsiteX10" fmla="*/ 3287713 w 3606800"/>
              <a:gd name="connsiteY10" fmla="*/ 345917 h 557212"/>
              <a:gd name="connsiteX11" fmla="*/ 3606800 w 3606800"/>
              <a:gd name="connsiteY11" fmla="*/ 557212 h 557212"/>
              <a:gd name="connsiteX0" fmla="*/ 0 w 3606800"/>
              <a:gd name="connsiteY0" fmla="*/ 436562 h 557212"/>
              <a:gd name="connsiteX1" fmla="*/ 301625 w 3606800"/>
              <a:gd name="connsiteY1" fmla="*/ 13011 h 557212"/>
              <a:gd name="connsiteX2" fmla="*/ 474663 w 3606800"/>
              <a:gd name="connsiteY2" fmla="*/ 439403 h 557212"/>
              <a:gd name="connsiteX3" fmla="*/ 622300 w 3606800"/>
              <a:gd name="connsiteY3" fmla="*/ 334962 h 557212"/>
              <a:gd name="connsiteX4" fmla="*/ 854075 w 3606800"/>
              <a:gd name="connsiteY4" fmla="*/ 355929 h 557212"/>
              <a:gd name="connsiteX5" fmla="*/ 1154112 w 3606800"/>
              <a:gd name="connsiteY5" fmla="*/ 4 h 557212"/>
              <a:gd name="connsiteX6" fmla="*/ 1468438 w 3606800"/>
              <a:gd name="connsiteY6" fmla="*/ 488646 h 557212"/>
              <a:gd name="connsiteX7" fmla="*/ 2085975 w 3606800"/>
              <a:gd name="connsiteY7" fmla="*/ 517521 h 557212"/>
              <a:gd name="connsiteX8" fmla="*/ 2738438 w 3606800"/>
              <a:gd name="connsiteY8" fmla="*/ 493097 h 557212"/>
              <a:gd name="connsiteX9" fmla="*/ 3057525 w 3606800"/>
              <a:gd name="connsiteY9" fmla="*/ 4815 h 557212"/>
              <a:gd name="connsiteX10" fmla="*/ 3252788 w 3606800"/>
              <a:gd name="connsiteY10" fmla="*/ 376177 h 557212"/>
              <a:gd name="connsiteX11" fmla="*/ 3606800 w 3606800"/>
              <a:gd name="connsiteY11" fmla="*/ 557212 h 557212"/>
              <a:gd name="connsiteX0" fmla="*/ 27366 w 3634166"/>
              <a:gd name="connsiteY0" fmla="*/ 436562 h 557212"/>
              <a:gd name="connsiteX1" fmla="*/ 21016 w 3634166"/>
              <a:gd name="connsiteY1" fmla="*/ 439517 h 557212"/>
              <a:gd name="connsiteX2" fmla="*/ 328991 w 3634166"/>
              <a:gd name="connsiteY2" fmla="*/ 13011 h 557212"/>
              <a:gd name="connsiteX3" fmla="*/ 502029 w 3634166"/>
              <a:gd name="connsiteY3" fmla="*/ 439403 h 557212"/>
              <a:gd name="connsiteX4" fmla="*/ 649666 w 3634166"/>
              <a:gd name="connsiteY4" fmla="*/ 334962 h 557212"/>
              <a:gd name="connsiteX5" fmla="*/ 881441 w 3634166"/>
              <a:gd name="connsiteY5" fmla="*/ 355929 h 557212"/>
              <a:gd name="connsiteX6" fmla="*/ 1181478 w 3634166"/>
              <a:gd name="connsiteY6" fmla="*/ 4 h 557212"/>
              <a:gd name="connsiteX7" fmla="*/ 1495804 w 3634166"/>
              <a:gd name="connsiteY7" fmla="*/ 488646 h 557212"/>
              <a:gd name="connsiteX8" fmla="*/ 2113341 w 3634166"/>
              <a:gd name="connsiteY8" fmla="*/ 517521 h 557212"/>
              <a:gd name="connsiteX9" fmla="*/ 2765804 w 3634166"/>
              <a:gd name="connsiteY9" fmla="*/ 493097 h 557212"/>
              <a:gd name="connsiteX10" fmla="*/ 3084891 w 3634166"/>
              <a:gd name="connsiteY10" fmla="*/ 4815 h 557212"/>
              <a:gd name="connsiteX11" fmla="*/ 3280154 w 3634166"/>
              <a:gd name="connsiteY11" fmla="*/ 376177 h 557212"/>
              <a:gd name="connsiteX12" fmla="*/ 3634166 w 3634166"/>
              <a:gd name="connsiteY12" fmla="*/ 557212 h 557212"/>
              <a:gd name="connsiteX0" fmla="*/ 1766 w 3608566"/>
              <a:gd name="connsiteY0" fmla="*/ 436562 h 557212"/>
              <a:gd name="connsiteX1" fmla="*/ 39866 w 3608566"/>
              <a:gd name="connsiteY1" fmla="*/ 376668 h 557212"/>
              <a:gd name="connsiteX2" fmla="*/ 303391 w 3608566"/>
              <a:gd name="connsiteY2" fmla="*/ 13011 h 557212"/>
              <a:gd name="connsiteX3" fmla="*/ 476429 w 3608566"/>
              <a:gd name="connsiteY3" fmla="*/ 439403 h 557212"/>
              <a:gd name="connsiteX4" fmla="*/ 624066 w 3608566"/>
              <a:gd name="connsiteY4" fmla="*/ 334962 h 557212"/>
              <a:gd name="connsiteX5" fmla="*/ 855841 w 3608566"/>
              <a:gd name="connsiteY5" fmla="*/ 355929 h 557212"/>
              <a:gd name="connsiteX6" fmla="*/ 1155878 w 3608566"/>
              <a:gd name="connsiteY6" fmla="*/ 4 h 557212"/>
              <a:gd name="connsiteX7" fmla="*/ 1470204 w 3608566"/>
              <a:gd name="connsiteY7" fmla="*/ 488646 h 557212"/>
              <a:gd name="connsiteX8" fmla="*/ 2087741 w 3608566"/>
              <a:gd name="connsiteY8" fmla="*/ 517521 h 557212"/>
              <a:gd name="connsiteX9" fmla="*/ 2740204 w 3608566"/>
              <a:gd name="connsiteY9" fmla="*/ 493097 h 557212"/>
              <a:gd name="connsiteX10" fmla="*/ 3059291 w 3608566"/>
              <a:gd name="connsiteY10" fmla="*/ 4815 h 557212"/>
              <a:gd name="connsiteX11" fmla="*/ 3254554 w 3608566"/>
              <a:gd name="connsiteY11" fmla="*/ 376177 h 557212"/>
              <a:gd name="connsiteX12" fmla="*/ 3608566 w 3608566"/>
              <a:gd name="connsiteY12" fmla="*/ 557212 h 557212"/>
              <a:gd name="connsiteX0" fmla="*/ 2670 w 3606295"/>
              <a:gd name="connsiteY0" fmla="*/ 569244 h 569245"/>
              <a:gd name="connsiteX1" fmla="*/ 37595 w 3606295"/>
              <a:gd name="connsiteY1" fmla="*/ 376668 h 569245"/>
              <a:gd name="connsiteX2" fmla="*/ 301120 w 3606295"/>
              <a:gd name="connsiteY2" fmla="*/ 13011 h 569245"/>
              <a:gd name="connsiteX3" fmla="*/ 474158 w 3606295"/>
              <a:gd name="connsiteY3" fmla="*/ 439403 h 569245"/>
              <a:gd name="connsiteX4" fmla="*/ 621795 w 3606295"/>
              <a:gd name="connsiteY4" fmla="*/ 334962 h 569245"/>
              <a:gd name="connsiteX5" fmla="*/ 853570 w 3606295"/>
              <a:gd name="connsiteY5" fmla="*/ 355929 h 569245"/>
              <a:gd name="connsiteX6" fmla="*/ 1153607 w 3606295"/>
              <a:gd name="connsiteY6" fmla="*/ 4 h 569245"/>
              <a:gd name="connsiteX7" fmla="*/ 1467933 w 3606295"/>
              <a:gd name="connsiteY7" fmla="*/ 488646 h 569245"/>
              <a:gd name="connsiteX8" fmla="*/ 2085470 w 3606295"/>
              <a:gd name="connsiteY8" fmla="*/ 517521 h 569245"/>
              <a:gd name="connsiteX9" fmla="*/ 2737933 w 3606295"/>
              <a:gd name="connsiteY9" fmla="*/ 493097 h 569245"/>
              <a:gd name="connsiteX10" fmla="*/ 3057020 w 3606295"/>
              <a:gd name="connsiteY10" fmla="*/ 4815 h 569245"/>
              <a:gd name="connsiteX11" fmla="*/ 3252283 w 3606295"/>
              <a:gd name="connsiteY11" fmla="*/ 376177 h 569245"/>
              <a:gd name="connsiteX12" fmla="*/ 3606295 w 3606295"/>
              <a:gd name="connsiteY12" fmla="*/ 557212 h 569245"/>
              <a:gd name="connsiteX0" fmla="*/ 2670 w 3606295"/>
              <a:gd name="connsiteY0" fmla="*/ 527345 h 557212"/>
              <a:gd name="connsiteX1" fmla="*/ 37595 w 3606295"/>
              <a:gd name="connsiteY1" fmla="*/ 376668 h 557212"/>
              <a:gd name="connsiteX2" fmla="*/ 301120 w 3606295"/>
              <a:gd name="connsiteY2" fmla="*/ 13011 h 557212"/>
              <a:gd name="connsiteX3" fmla="*/ 474158 w 3606295"/>
              <a:gd name="connsiteY3" fmla="*/ 439403 h 557212"/>
              <a:gd name="connsiteX4" fmla="*/ 621795 w 3606295"/>
              <a:gd name="connsiteY4" fmla="*/ 334962 h 557212"/>
              <a:gd name="connsiteX5" fmla="*/ 853570 w 3606295"/>
              <a:gd name="connsiteY5" fmla="*/ 355929 h 557212"/>
              <a:gd name="connsiteX6" fmla="*/ 1153607 w 3606295"/>
              <a:gd name="connsiteY6" fmla="*/ 4 h 557212"/>
              <a:gd name="connsiteX7" fmla="*/ 1467933 w 3606295"/>
              <a:gd name="connsiteY7" fmla="*/ 488646 h 557212"/>
              <a:gd name="connsiteX8" fmla="*/ 2085470 w 3606295"/>
              <a:gd name="connsiteY8" fmla="*/ 517521 h 557212"/>
              <a:gd name="connsiteX9" fmla="*/ 2737933 w 3606295"/>
              <a:gd name="connsiteY9" fmla="*/ 493097 h 557212"/>
              <a:gd name="connsiteX10" fmla="*/ 3057020 w 3606295"/>
              <a:gd name="connsiteY10" fmla="*/ 4815 h 557212"/>
              <a:gd name="connsiteX11" fmla="*/ 3252283 w 3606295"/>
              <a:gd name="connsiteY11" fmla="*/ 376177 h 557212"/>
              <a:gd name="connsiteX12" fmla="*/ 3606295 w 3606295"/>
              <a:gd name="connsiteY12" fmla="*/ 557212 h 557212"/>
              <a:gd name="connsiteX0" fmla="*/ 1080 w 3611055"/>
              <a:gd name="connsiteY0" fmla="*/ 564589 h 564590"/>
              <a:gd name="connsiteX1" fmla="*/ 42355 w 3611055"/>
              <a:gd name="connsiteY1" fmla="*/ 376668 h 564590"/>
              <a:gd name="connsiteX2" fmla="*/ 305880 w 3611055"/>
              <a:gd name="connsiteY2" fmla="*/ 13011 h 564590"/>
              <a:gd name="connsiteX3" fmla="*/ 478918 w 3611055"/>
              <a:gd name="connsiteY3" fmla="*/ 439403 h 564590"/>
              <a:gd name="connsiteX4" fmla="*/ 626555 w 3611055"/>
              <a:gd name="connsiteY4" fmla="*/ 334962 h 564590"/>
              <a:gd name="connsiteX5" fmla="*/ 858330 w 3611055"/>
              <a:gd name="connsiteY5" fmla="*/ 355929 h 564590"/>
              <a:gd name="connsiteX6" fmla="*/ 1158367 w 3611055"/>
              <a:gd name="connsiteY6" fmla="*/ 4 h 564590"/>
              <a:gd name="connsiteX7" fmla="*/ 1472693 w 3611055"/>
              <a:gd name="connsiteY7" fmla="*/ 488646 h 564590"/>
              <a:gd name="connsiteX8" fmla="*/ 2090230 w 3611055"/>
              <a:gd name="connsiteY8" fmla="*/ 517521 h 564590"/>
              <a:gd name="connsiteX9" fmla="*/ 2742693 w 3611055"/>
              <a:gd name="connsiteY9" fmla="*/ 493097 h 564590"/>
              <a:gd name="connsiteX10" fmla="*/ 3061780 w 3611055"/>
              <a:gd name="connsiteY10" fmla="*/ 4815 h 564590"/>
              <a:gd name="connsiteX11" fmla="*/ 3257043 w 3611055"/>
              <a:gd name="connsiteY11" fmla="*/ 376177 h 564590"/>
              <a:gd name="connsiteX12" fmla="*/ 3611055 w 3611055"/>
              <a:gd name="connsiteY12" fmla="*/ 557212 h 564590"/>
              <a:gd name="connsiteX0" fmla="*/ 2670 w 3606295"/>
              <a:gd name="connsiteY0" fmla="*/ 550623 h 557212"/>
              <a:gd name="connsiteX1" fmla="*/ 37595 w 3606295"/>
              <a:gd name="connsiteY1" fmla="*/ 376668 h 557212"/>
              <a:gd name="connsiteX2" fmla="*/ 301120 w 3606295"/>
              <a:gd name="connsiteY2" fmla="*/ 13011 h 557212"/>
              <a:gd name="connsiteX3" fmla="*/ 474158 w 3606295"/>
              <a:gd name="connsiteY3" fmla="*/ 439403 h 557212"/>
              <a:gd name="connsiteX4" fmla="*/ 621795 w 3606295"/>
              <a:gd name="connsiteY4" fmla="*/ 334962 h 557212"/>
              <a:gd name="connsiteX5" fmla="*/ 853570 w 3606295"/>
              <a:gd name="connsiteY5" fmla="*/ 355929 h 557212"/>
              <a:gd name="connsiteX6" fmla="*/ 1153607 w 3606295"/>
              <a:gd name="connsiteY6" fmla="*/ 4 h 557212"/>
              <a:gd name="connsiteX7" fmla="*/ 1467933 w 3606295"/>
              <a:gd name="connsiteY7" fmla="*/ 488646 h 557212"/>
              <a:gd name="connsiteX8" fmla="*/ 2085470 w 3606295"/>
              <a:gd name="connsiteY8" fmla="*/ 517521 h 557212"/>
              <a:gd name="connsiteX9" fmla="*/ 2737933 w 3606295"/>
              <a:gd name="connsiteY9" fmla="*/ 493097 h 557212"/>
              <a:gd name="connsiteX10" fmla="*/ 3057020 w 3606295"/>
              <a:gd name="connsiteY10" fmla="*/ 4815 h 557212"/>
              <a:gd name="connsiteX11" fmla="*/ 3252283 w 3606295"/>
              <a:gd name="connsiteY11" fmla="*/ 376177 h 557212"/>
              <a:gd name="connsiteX12" fmla="*/ 3606295 w 3606295"/>
              <a:gd name="connsiteY12" fmla="*/ 557212 h 557212"/>
              <a:gd name="connsiteX0" fmla="*/ 3781 w 3604231"/>
              <a:gd name="connsiteY0" fmla="*/ 562262 h 562263"/>
              <a:gd name="connsiteX1" fmla="*/ 35531 w 3604231"/>
              <a:gd name="connsiteY1" fmla="*/ 376668 h 562263"/>
              <a:gd name="connsiteX2" fmla="*/ 299056 w 3604231"/>
              <a:gd name="connsiteY2" fmla="*/ 13011 h 562263"/>
              <a:gd name="connsiteX3" fmla="*/ 472094 w 3604231"/>
              <a:gd name="connsiteY3" fmla="*/ 439403 h 562263"/>
              <a:gd name="connsiteX4" fmla="*/ 619731 w 3604231"/>
              <a:gd name="connsiteY4" fmla="*/ 334962 h 562263"/>
              <a:gd name="connsiteX5" fmla="*/ 851506 w 3604231"/>
              <a:gd name="connsiteY5" fmla="*/ 355929 h 562263"/>
              <a:gd name="connsiteX6" fmla="*/ 1151543 w 3604231"/>
              <a:gd name="connsiteY6" fmla="*/ 4 h 562263"/>
              <a:gd name="connsiteX7" fmla="*/ 1465869 w 3604231"/>
              <a:gd name="connsiteY7" fmla="*/ 488646 h 562263"/>
              <a:gd name="connsiteX8" fmla="*/ 2083406 w 3604231"/>
              <a:gd name="connsiteY8" fmla="*/ 517521 h 562263"/>
              <a:gd name="connsiteX9" fmla="*/ 2735869 w 3604231"/>
              <a:gd name="connsiteY9" fmla="*/ 493097 h 562263"/>
              <a:gd name="connsiteX10" fmla="*/ 3054956 w 3604231"/>
              <a:gd name="connsiteY10" fmla="*/ 4815 h 562263"/>
              <a:gd name="connsiteX11" fmla="*/ 3250219 w 3604231"/>
              <a:gd name="connsiteY11" fmla="*/ 376177 h 562263"/>
              <a:gd name="connsiteX12" fmla="*/ 3604231 w 3604231"/>
              <a:gd name="connsiteY12" fmla="*/ 557212 h 562263"/>
              <a:gd name="connsiteX0" fmla="*/ 29837 w 3630287"/>
              <a:gd name="connsiteY0" fmla="*/ 562262 h 562264"/>
              <a:gd name="connsiteX1" fmla="*/ 20312 w 3630287"/>
              <a:gd name="connsiteY1" fmla="*/ 413912 h 562264"/>
              <a:gd name="connsiteX2" fmla="*/ 325112 w 3630287"/>
              <a:gd name="connsiteY2" fmla="*/ 13011 h 562264"/>
              <a:gd name="connsiteX3" fmla="*/ 498150 w 3630287"/>
              <a:gd name="connsiteY3" fmla="*/ 439403 h 562264"/>
              <a:gd name="connsiteX4" fmla="*/ 645787 w 3630287"/>
              <a:gd name="connsiteY4" fmla="*/ 334962 h 562264"/>
              <a:gd name="connsiteX5" fmla="*/ 877562 w 3630287"/>
              <a:gd name="connsiteY5" fmla="*/ 355929 h 562264"/>
              <a:gd name="connsiteX6" fmla="*/ 1177599 w 3630287"/>
              <a:gd name="connsiteY6" fmla="*/ 4 h 562264"/>
              <a:gd name="connsiteX7" fmla="*/ 1491925 w 3630287"/>
              <a:gd name="connsiteY7" fmla="*/ 488646 h 562264"/>
              <a:gd name="connsiteX8" fmla="*/ 2109462 w 3630287"/>
              <a:gd name="connsiteY8" fmla="*/ 517521 h 562264"/>
              <a:gd name="connsiteX9" fmla="*/ 2761925 w 3630287"/>
              <a:gd name="connsiteY9" fmla="*/ 493097 h 562264"/>
              <a:gd name="connsiteX10" fmla="*/ 3081012 w 3630287"/>
              <a:gd name="connsiteY10" fmla="*/ 4815 h 562264"/>
              <a:gd name="connsiteX11" fmla="*/ 3276275 w 3630287"/>
              <a:gd name="connsiteY11" fmla="*/ 376177 h 562264"/>
              <a:gd name="connsiteX12" fmla="*/ 3630287 w 3630287"/>
              <a:gd name="connsiteY12" fmla="*/ 557212 h 562264"/>
              <a:gd name="connsiteX0" fmla="*/ 9525 w 3609975"/>
              <a:gd name="connsiteY0" fmla="*/ 562262 h 562263"/>
              <a:gd name="connsiteX1" fmla="*/ 0 w 3609975"/>
              <a:gd name="connsiteY1" fmla="*/ 413912 h 562263"/>
              <a:gd name="connsiteX2" fmla="*/ 304800 w 3609975"/>
              <a:gd name="connsiteY2" fmla="*/ 13011 h 562263"/>
              <a:gd name="connsiteX3" fmla="*/ 477838 w 3609975"/>
              <a:gd name="connsiteY3" fmla="*/ 439403 h 562263"/>
              <a:gd name="connsiteX4" fmla="*/ 625475 w 3609975"/>
              <a:gd name="connsiteY4" fmla="*/ 334962 h 562263"/>
              <a:gd name="connsiteX5" fmla="*/ 857250 w 3609975"/>
              <a:gd name="connsiteY5" fmla="*/ 355929 h 562263"/>
              <a:gd name="connsiteX6" fmla="*/ 1157287 w 3609975"/>
              <a:gd name="connsiteY6" fmla="*/ 4 h 562263"/>
              <a:gd name="connsiteX7" fmla="*/ 1471613 w 3609975"/>
              <a:gd name="connsiteY7" fmla="*/ 488646 h 562263"/>
              <a:gd name="connsiteX8" fmla="*/ 2089150 w 3609975"/>
              <a:gd name="connsiteY8" fmla="*/ 517521 h 562263"/>
              <a:gd name="connsiteX9" fmla="*/ 2741613 w 3609975"/>
              <a:gd name="connsiteY9" fmla="*/ 493097 h 562263"/>
              <a:gd name="connsiteX10" fmla="*/ 3060700 w 3609975"/>
              <a:gd name="connsiteY10" fmla="*/ 4815 h 562263"/>
              <a:gd name="connsiteX11" fmla="*/ 3255963 w 3609975"/>
              <a:gd name="connsiteY11" fmla="*/ 376177 h 562263"/>
              <a:gd name="connsiteX12" fmla="*/ 3609975 w 3609975"/>
              <a:gd name="connsiteY12" fmla="*/ 557212 h 56226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</a:cxnLst>
            <a:rect l="l" t="t" r="r" b="b"/>
            <a:pathLst>
              <a:path w="3609975" h="562263">
                <a:moveTo>
                  <a:pt x="9525" y="562262"/>
                </a:moveTo>
                <a:cubicBezTo>
                  <a:pt x="8467" y="562754"/>
                  <a:pt x="3704" y="442605"/>
                  <a:pt x="0" y="413912"/>
                </a:cubicBezTo>
                <a:cubicBezTo>
                  <a:pt x="50271" y="343320"/>
                  <a:pt x="225160" y="8763"/>
                  <a:pt x="304800" y="13011"/>
                </a:cubicBezTo>
                <a:cubicBezTo>
                  <a:pt x="384440" y="17259"/>
                  <a:pt x="405342" y="438120"/>
                  <a:pt x="477838" y="439403"/>
                </a:cubicBezTo>
                <a:cubicBezTo>
                  <a:pt x="550334" y="440686"/>
                  <a:pt x="562240" y="348874"/>
                  <a:pt x="625475" y="334962"/>
                </a:cubicBezTo>
                <a:cubicBezTo>
                  <a:pt x="688710" y="321050"/>
                  <a:pt x="768615" y="411755"/>
                  <a:pt x="857250" y="355929"/>
                </a:cubicBezTo>
                <a:cubicBezTo>
                  <a:pt x="945885" y="300103"/>
                  <a:pt x="1045368" y="-1166"/>
                  <a:pt x="1157287" y="4"/>
                </a:cubicBezTo>
                <a:cubicBezTo>
                  <a:pt x="1269206" y="1174"/>
                  <a:pt x="1316303" y="402393"/>
                  <a:pt x="1471613" y="488646"/>
                </a:cubicBezTo>
                <a:cubicBezTo>
                  <a:pt x="1626924" y="574899"/>
                  <a:pt x="1877483" y="516779"/>
                  <a:pt x="2089150" y="517521"/>
                </a:cubicBezTo>
                <a:cubicBezTo>
                  <a:pt x="2300817" y="518263"/>
                  <a:pt x="2579688" y="578548"/>
                  <a:pt x="2741613" y="493097"/>
                </a:cubicBezTo>
                <a:cubicBezTo>
                  <a:pt x="2903538" y="407646"/>
                  <a:pt x="2974975" y="24302"/>
                  <a:pt x="3060700" y="4815"/>
                </a:cubicBezTo>
                <a:cubicBezTo>
                  <a:pt x="3146425" y="-14672"/>
                  <a:pt x="3192992" y="228245"/>
                  <a:pt x="3255963" y="376177"/>
                </a:cubicBezTo>
                <a:cubicBezTo>
                  <a:pt x="3318934" y="524109"/>
                  <a:pt x="3460750" y="544515"/>
                  <a:pt x="3609975" y="557212"/>
                </a:cubicBezTo>
              </a:path>
            </a:pathLst>
          </a:custGeom>
          <a:solidFill>
            <a:schemeClr val="accent5">
              <a:lumMod val="75000"/>
            </a:schemeClr>
          </a:solidFill>
          <a:ln w="25400">
            <a:solidFill>
              <a:schemeClr val="accent5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cxnSp>
        <p:nvCxnSpPr>
          <p:cNvPr id="70" name="Straight Connector 69"/>
          <p:cNvCxnSpPr/>
          <p:nvPr/>
        </p:nvCxnSpPr>
        <p:spPr>
          <a:xfrm>
            <a:off x="5457281" y="3429960"/>
            <a:ext cx="0" cy="1939830"/>
          </a:xfrm>
          <a:prstGeom prst="line">
            <a:avLst/>
          </a:prstGeom>
          <a:ln w="25400">
            <a:solidFill>
              <a:schemeClr val="accent5">
                <a:lumMod val="60000"/>
                <a:lumOff val="40000"/>
              </a:schemeClr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" name="Straight Connector 71"/>
          <p:cNvCxnSpPr/>
          <p:nvPr/>
        </p:nvCxnSpPr>
        <p:spPr>
          <a:xfrm>
            <a:off x="4615180" y="3439127"/>
            <a:ext cx="0" cy="1939830"/>
          </a:xfrm>
          <a:prstGeom prst="line">
            <a:avLst/>
          </a:prstGeom>
          <a:ln w="25400">
            <a:solidFill>
              <a:schemeClr val="accent5">
                <a:lumMod val="60000"/>
                <a:lumOff val="40000"/>
              </a:schemeClr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Straight Connector 72"/>
          <p:cNvCxnSpPr/>
          <p:nvPr/>
        </p:nvCxnSpPr>
        <p:spPr>
          <a:xfrm>
            <a:off x="7359241" y="3445230"/>
            <a:ext cx="0" cy="1939830"/>
          </a:xfrm>
          <a:prstGeom prst="line">
            <a:avLst/>
          </a:prstGeom>
          <a:ln w="25400">
            <a:solidFill>
              <a:schemeClr val="accent5">
                <a:lumMod val="60000"/>
                <a:lumOff val="40000"/>
              </a:schemeClr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8" name="TextBox 67"/>
          <p:cNvSpPr txBox="1"/>
          <p:nvPr/>
        </p:nvSpPr>
        <p:spPr>
          <a:xfrm>
            <a:off x="4307620" y="4330811"/>
            <a:ext cx="294824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>
                <a:latin typeface="Gentium Basic" panose="02000503060000020004" pitchFamily="2" charset="0"/>
              </a:rPr>
              <a:t>likelihood of correspondence</a:t>
            </a:r>
            <a:endParaRPr lang="de-CH" dirty="0">
              <a:latin typeface="Gentium Basic" panose="02000503060000020004" pitchFamily="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9364381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7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0" presetID="47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3" dur="500" fill="hold"/>
                                        <p:tgtEl>
                                          <p:spTgt spid="3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" dur="500" fill="hold"/>
                                        <p:tgtEl>
                                          <p:spTgt spid="3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5" presetID="47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8" dur="500" fill="hold"/>
                                        <p:tgtEl>
                                          <p:spTgt spid="3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" dur="500" fill="hold"/>
                                        <p:tgtEl>
                                          <p:spTgt spid="3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0" presetID="47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3" dur="500" fill="hold"/>
                                        <p:tgtEl>
                                          <p:spTgt spid="3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4" dur="500" fill="hold"/>
                                        <p:tgtEl>
                                          <p:spTgt spid="3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47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500"/>
                                        <p:tgtEl>
                                          <p:spTgt spid="70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52" dur="500" fill="hold"/>
                                        <p:tgtEl>
                                          <p:spTgt spid="7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3" dur="500" fill="hold"/>
                                        <p:tgtEl>
                                          <p:spTgt spid="7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54" presetID="47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6" dur="500"/>
                                        <p:tgtEl>
                                          <p:spTgt spid="72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57" dur="500" fill="hold"/>
                                        <p:tgtEl>
                                          <p:spTgt spid="7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8" dur="500" fill="hold"/>
                                        <p:tgtEl>
                                          <p:spTgt spid="7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59" presetID="47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1" dur="500"/>
                                        <p:tgtEl>
                                          <p:spTgt spid="73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62" dur="500" fill="hold"/>
                                        <p:tgtEl>
                                          <p:spTgt spid="7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3" dur="500" fill="hold"/>
                                        <p:tgtEl>
                                          <p:spTgt spid="7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64" presetID="47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6" dur="500"/>
                                        <p:tgtEl>
                                          <p:spTgt spid="67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67" dur="500" fill="hold"/>
                                        <p:tgtEl>
                                          <p:spTgt spid="6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8" dur="500" fill="hold"/>
                                        <p:tgtEl>
                                          <p:spTgt spid="6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69" presetID="47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1" dur="500"/>
                                        <p:tgtEl>
                                          <p:spTgt spid="69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72" dur="500" fill="hold"/>
                                        <p:tgtEl>
                                          <p:spTgt spid="6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3" dur="500" fill="hold"/>
                                        <p:tgtEl>
                                          <p:spTgt spid="6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74" presetID="47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6" dur="500"/>
                                        <p:tgtEl>
                                          <p:spTgt spid="68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77" dur="500" fill="hold"/>
                                        <p:tgtEl>
                                          <p:spTgt spid="6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8" dur="500" fill="hold"/>
                                        <p:tgtEl>
                                          <p:spTgt spid="6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1" grpId="0" animBg="1"/>
      <p:bldP spid="32" grpId="0" animBg="1"/>
      <p:bldP spid="33" grpId="0"/>
      <p:bldP spid="34" grpId="0"/>
      <p:bldP spid="48" grpId="0"/>
      <p:bldP spid="45" grpId="0" animBg="1"/>
      <p:bldP spid="56" grpId="0" animBg="1"/>
      <p:bldP spid="66" grpId="0"/>
      <p:bldP spid="67" grpId="0" animBg="1"/>
      <p:bldP spid="69" grpId="0" animBg="1"/>
      <p:bldP spid="68" grpId="0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GUtREUiLCJTdHlsZU5hbWUiOiJQaGFzZXMiLCJJc1RlbXBsYXRlIjpmYWxzZSwiVmVyc2lvbiI6eyIkaWQiOiIyIiwiVmVyc2lvbiI6IjMuMC4xIiwiT3JpZ2luYWxBc3NlbWJseVZlcnNpb24iOiIzLjAxLjA2LjAwIiwiRWRpdGlvbiI6IkJhc2ljIiwiSXNQbHVz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5MiwiRyI6ODAsIkIiOjc3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CwiRyI6MCwiQiI6MH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xOTIsIkIiOjB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w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zEsIkciOjczLCJCIjoxMjZ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kL00veXl5eSIsIlNlcGFyYXRvciI6Ii8iLCJVc2VJbnRlcm5hdGlvbmFsRGF0ZUZvcm1hdCI6dHJ1ZX0sIklzVmlzaWJsZSI6dHJ1ZSwiUGFyZW50U3R5bGUiOm51bGx9LCJEZWZhdWx0VGFza1N0eWxlIjp7IiRpZCI6IjgwIiwiU2hhcGUiOjA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k2MC4wLCJNYXhIZWlnaHQiOiJJbmZpbml0eSIsIlNtYXJ0Rm9yZWdyb3VuZElzQWN0aXZlIjpmYWxzZSwiSG9yaXpvbnRhbEFsaWdubWVudCI6MS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zMSwiRyI6NzMsIkIiOjEy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yMzcsIkciOjEyNSwiQiI6NDl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aWQiOiIxMjkiLCJDb2xvciI6eyIkaWQiOiIxMzAiLCJBIjoyNTUsIlIiOjIzNywiRyI6MTI1LCJCIjo0OX19LCJJc1Zpc2libGUiOnRydWUsIldpZHRoIjoxOC4wLCJIZWlnaHQiOjIwLjAsIkJvcmRlclN0eWxlIjp7IiRpZCI6IjEzMSIsIkxpbmVDb2xvciI6eyIkcmVmIjoiNjMifSwiTGluZVdlaWdodCI6MC4wLCJMaW5lVHlwZSI6MCwiUGFyZW50U3R5bGUiOnsiJHJlZiI6IjYyIn19LCJQYXJlbnRTdHlsZSI6eyIkcmVmIjoiNTkifX0sIlRpdGxlU3R5bGUiOnsiJGlkIjoiMTMyIiwiRm9udFNldHRpbmdzIjp7IiRpZCI6IjEz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xIiwiTGluZUNvbG9yIjpudWxsLCJMaW5lV2VpZ2h0IjowLjAsIkxpbmVUeXBlIjowLCJQYXJlbnRTdHlsZSI6bnVsbH0sIlBhcmVudFN0eWxlIjp7IiRyZWYiOiI2NSJ9fSwiRGF0ZVN0eWxlIjp7IiRpZCI6IjE1MiIsIkZvbnRTZXR0aW5ncyI6eyIkaWQiOiIxNTM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YxIiwiTGluZUNvbG9yIjpudWxsLCJMaW5lV2VpZ2h0IjowLjAsIkxpbmVUeXBlIjowLCJQYXJlbnRTdHlsZSI6bnVsbH0sIlBhcmVudFN0eWxlIjp7IiRyZWYiOiI4MSJ9fSwiRHVyYXRpb25TdHlsZSI6eyIkaWQiOiIxNjIiLCJGb250U2V0dGluZ3MiOnsiJGlkIjoiMTYz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Y0IiwiTGluZUNvbG9yIjpudWxsLCJMaW5lV2VpZ2h0IjowLjAsIkxpbmVUeXBlIjowLCJQYXJlbnRTdHlsZSI6bnVsbH0sIlBhcmVudFN0eWxlIjp7IiRyZWYiOiI4OCJ9fSwiSG9yaXpvbnRhbENvbm5lY3RvclN0eWxlIjp7IiRpZCI6IjE2NSIsIkxpbmVDb2xvciI6eyIkcmVmIjoiOTYifSwiTGluZVdlaWdodCI6MS4wLCJMaW5lVHlwZSI6MCwiUGFyZW50U3R5bGUiOnsiJHJlZiI6Ijk1In19LCJWZXJ0aWNhbENvbm5lY3RvclN0eWxlIjp7IiRpZCI6IjE2Ni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xNjciLCJNYXJnaW4iOnsiJHJlZiI6IjEwMiJ9LCJQYWRkaW5nIjp7IiRyZWYiOiIxMDMifSwiQmFja2dyb3VuZCI6eyIkaWQiOiIxNjgiLCJDb2xvciI6eyIkaWQiOiIxNjkiLCJBIjoyNTUsIlIiOjAsIkciOjExNCwiQiI6MTg4fX0sIklzVmlzaWJsZSI6dHJ1ZSwiV2lkdGgiOjAuMCwiSGVpZ2h0IjoxNi4wLCJCb3JkZXJTdHlsZSI6eyIkaWQiOiIxNzAiLCJMaW5lQ29sb3IiOnsiJHJlZiI6IjEwNSJ9LCJMaW5lV2VpZ2h0IjowLjAsIkxpbmVUeXBlIjowLCJQYXJlbnRTdHlsZSI6eyIkcmVmIjoiMTA0In19LCJQYXJlbnRTdHlsZSI6eyIkcmVmIjoiMTAxIn19LCJUaXRsZVN0eWxlIjp7IiRpZCI6IjE3MSIsIkZvbnRTZXR0aW5ncyI6eyIkaWQiOiIxNzI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TczIiwiTGluZUNvbG9yIjpudWxsLCJMaW5lV2VpZ2h0IjowLjAsIkxpbmVUeXBlIjowLCJQYXJlbnRTdHlsZSI6bnVsbH0sIlBhcmVudFN0eWxlIjp7IiRyZWYiOiIxMDcifX0sIkRhdGVTdHlsZSI6eyIkaWQiOiIxNzQiLCJGb250U2V0dGluZ3MiOnsiJGlkIjoiMTc1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4MiIsIkxpbmVDb2xvciI6bnVsbCwiTGluZVdlaWdodCI6MC4wLCJMaW5lVHlwZSI6MCwiUGFyZW50U3R5bGUiOm51bGx9LCJQYXJlbnRTdHlsZSI6eyIkcmVmIjoiODEifX0sIkR1cmF0aW9uU3R5bGUiOnsiJGlkIjoiMTgzIiwiRm9udFNldHRpbmdzIjp7IiRpZCI6IjE4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xOTQiLCJMaW5lQ29sb3IiOm51bGwsIkxpbmVXZWlnaHQiOjAuMCwiTGluZVR5cGUiOjAsIlBhcmVudFN0eWxlIjpudWxsfSwiUGFyZW50U3R5bGUiOnsiJHJlZiI6IjEwNyJ9fSwiRGF0ZVN0eWxlIjp7IiRpZCI6IjE5NSIsIkZvbnRTZXR0aW5ncyI6eyIkaWQiOiIxOT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DMiLCJMaW5lQ29sb3IiOm51bGwsIkxpbmVXZWlnaHQiOjAuMCwiTGluZVR5cGUiOjAsIlBhcmVudFN0eWxlIjpudWxsfSwiUGFyZW50U3R5bGUiOnsiJHJlZiI6IjgxIn19LCJEdXJhdGlvblN0eWxlIjp7IiRpZCI6IjIwNCIsIkZvbnRTZXR0aW5ncyI6eyIkaWQiOiIyMD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DYiLCJMaW5lQ29sb3IiOm51bGwsIkxpbmVXZWlnaHQiOjAuMCwiTGluZVR5cGUiOjAsIlBhcmVudFN0eWxlIjpudWxsfSwiUGFyZW50U3R5bGUiOnsiJHJlZiI6Ijg4In19LCJIb3Jpem9udGFsQ29ubmVjdG9yU3R5bGUiOnsiJGlkIjoiMjA3IiwiTGluZUNvbG9yIjp7IiRyZWYiOiI5NiJ9LCJMaW5lV2VpZ2h0IjoxLjAsIkxpbmVUeXBlIjowLCJQYXJlbnRTdHlsZSI6eyIkcmVmIjoiOTUifX0sIlZlcnRpY2FsQ29ubmVjdG9yU3R5bGUiOnsiJGlkIjoiMjA4IiwiTGluZUNvbG9yIjp7IiRyZWYiOiI5OSJ9LCJMaW5lV2VpZ2h0IjoxLjAsIkxpbmVUeXBlIjowLCJQYXJlbnRTdHlsZSI6eyIkcmVmIjoiOTgifX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IwOSIsIk1hcmdpbiI6eyIkcmVmIjoiMTAyIn0sIlBhZGRpbmciOnsiJHJlZiI6IjEwMyJ9LCJCYWNrZ3JvdW5kIjp7IiRpZCI6IjIxMCIsIkNvbG9yIjp7IiRpZCI6IjIxMSIsIkEiOjI1NSwiUiI6MTUwLCJHIjoyMTQsIkIiOjY2fX0sIklzVmlzaWJsZSI6dHJ1ZSwiV2lkdGgiOjAuMCwiSGVpZ2h0IjoxNi4wLCJCb3JkZXJTdHlsZSI6eyIkaWQiOiIyMTIiLCJMaW5lQ29sb3IiOnsiJHJlZiI6IjEwNSJ9LCJMaW5lV2VpZ2h0IjowLjAsIkxpbmVUeXBlIjowLCJQYXJlbnRTdHlsZSI6eyIkcmVmIjoiMTA0In19LCJQYXJlbnRTdHlsZSI6eyIkcmVmIjoiMTAxIn19LCJUaXRsZVN0eWxlIjp7IiRpZCI6IjIxMyIsIkZvbnRTZXR0aW5ncyI6eyIkaWQiOiIyMT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E1IiwiTGluZUNvbG9yIjpudWxsLCJMaW5lV2VpZ2h0IjowLjAsIkxpbmVUeXBlIjowLCJQYXJlbnRTdHlsZSI6bnVsbH0sIlBhcmVudFN0eWxlIjp7IiRyZWYiOiIxMDcifX0sIkRhdGVTdHlsZSI6eyIkaWQiOiIyMTYiLCJGb250U2V0dGluZ3MiOnsiJGlkIjoiMjE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I0IiwiTGluZUNvbG9yIjpudWxsLCJMaW5lV2VpZ2h0IjowLjAsIkxpbmVUeXBlIjowLCJQYXJlbnRTdHlsZSI6bnVsbH0sIlBhcmVudFN0eWxlIjp7IiRyZWYiOiI4MSJ9fSwiRHVyYXRpb25TdHlsZSI6eyIkaWQiOiIyMjUiLCJGb250U2V0dGluZ3MiOnsiJGlkIjoiMjI2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I3IiwiTGluZUNvbG9yIjpudWxsLCJMaW5lV2VpZ2h0IjowLjAsIkxpbmVUeXBlIjowLCJQYXJlbnRTdHlsZSI6bnVsbH0sIlBhcmVudFN0eWxlIjp7IiRyZWYiOiI4OCJ9fSwiSG9yaXpvbnRhbENvbm5lY3RvclN0eWxlIjp7IiRpZCI6IjIyOCIsIkxpbmVDb2xvciI6eyIkcmVmIjoiOTYifSwiTGluZVdlaWdodCI6MS4wLCJMaW5lVHlwZSI6MCwiUGFyZW50U3R5bGUiOnsiJHJlZiI6Ijk1In19LCJWZXJ0aWNhbENvbm5lY3RvclN0eWxlIjp7IiRpZCI6IjIyOS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yMzAiLCJNYXJnaW4iOnsiJHJlZiI6IjEwMiJ9LCJQYWRkaW5nIjp7IiRyZWYiOiIxMDMifSwiQmFja2dyb3VuZCI6eyIkaWQiOiIyMzEiLCJDb2xvciI6eyIkaWQiOiIyMzIiLCJBIjoyNTUsIlIiOjE2NSwiRyI6MTY1LCJCIjoxNjV9fSwiSXNWaXNpYmxlIjp0cnVlLCJXaWR0aCI6MC4wLCJIZWlnaHQiOjE2LjAsIkJvcmRlclN0eWxlIjp7IiRpZCI6IjIzMyIsIkxpbmVDb2xvciI6eyIkcmVmIjoiMTA1In0sIkxpbmVXZWlnaHQiOjAuMCwiTGluZVR5cGUiOjAsIlBhcmVudFN0eWxlIjp7IiRyZWYiOiIxMDQifX0sIlBhcmVudFN0eWxlIjp7IiRyZWYiOiIxMDEifX0sIlRpdGxlU3R5bGUiOnsiJGlkIjoiMjM0IiwiRm9udFNldHRpbmdzIjp7IiRpZCI6IjIzNS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MzYiLCJMaW5lQ29sb3IiOm51bGwsIkxpbmVXZWlnaHQiOjAuMCwiTGluZVR5cGUiOjAsIlBhcmVudFN0eWxlIjpudWxsfSwiUGFyZW50U3R5bGUiOnsiJHJlZiI6IjEwNyJ9fSwiRGF0ZVN0eWxlIjp7IiRpZCI6IjIzNyIsIkZvbnRTZXR0aW5ncyI6eyIkaWQiOiIyMzg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Q1IiwiTGluZUNvbG9yIjpudWxsLCJMaW5lV2VpZ2h0IjowLjAsIkxpbmVUeXBlIjowLCJQYXJlbnRTdHlsZSI6bnVsbH0sIlBhcmVudFN0eWxlIjp7IiRyZWYiOiI4MSJ9fSwiRHVyYXRpb25TdHlsZSI6eyIkaWQiOiIyNDYiLCJGb250U2V0dGluZ3MiOnsiJGlkIjoiMjQ3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Q4IiwiTGluZUNvbG9yIjpudWxsLCJMaW5lV2VpZ2h0IjowLjAsIkxpbmVUeXBlIjowLCJQYXJlbnRTdHlsZSI6bnVsbH0sIlBhcmVudFN0eWxlIjp7IiRyZWYiOiI4OCJ9fSwiSG9yaXpvbnRhbENvbm5lY3RvclN0eWxlIjp7IiRpZCI6IjI0OSIsIkxpbmVDb2xvciI6eyIkcmVmIjoiOTYifSwiTGluZVdlaWdodCI6MS4wLCJMaW5lVHlwZSI6MCwiUGFyZW50U3R5bGUiOnsiJHJlZiI6Ijk1In19LCJWZXJ0aWNhbENvbm5lY3RvclN0eWxlIjp7IiRpZCI6IjI1MC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yNTEiLCJNYXJnaW4iOnsiJHJlZiI6IjEwMiJ9LCJQYWRkaW5nIjp7IiRyZWYiOiIxMDMifSwiQmFja2dyb3VuZCI6eyIkaWQiOiIyNTIiLCJDb2xvciI6eyIkaWQiOiIyNTMiLCJBIjoyNTUsIlIiOjI1NSwiRyI6MTkyLCJCIjowfX0sIklzVmlzaWJsZSI6dHJ1ZSwiV2lkdGgiOjAuMCwiSGVpZ2h0IjoxNi4wLCJCb3JkZXJTdHlsZSI6eyIkaWQiOiIyNTQiLCJMaW5lQ29sb3IiOnsiJHJlZiI6IjEwNSJ9LCJMaW5lV2VpZ2h0IjowLjAsIkxpbmVUeXBlIjowLCJQYXJlbnRTdHlsZSI6eyIkcmVmIjoiMTA0In19LCJQYXJlbnRTdHlsZSI6eyIkcmVmIjoiMTAxIn19LCJUaXRsZVN0eWxlIjp7IiRpZCI6IjI1NSIsIkZvbnRTZXR0aW5ncyI6eyIkaWQiOiIyNTY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U3IiwiTGluZUNvbG9yIjpudWxsLCJMaW5lV2VpZ2h0IjowLjAsIkxpbmVUeXBlIjowLCJQYXJlbnRTdHlsZSI6bnVsbH0sIlBhcmVudFN0eWxlIjp7IiRyZWYiOiIxMDcifX0sIkRhdGVTdHlsZSI6eyIkaWQiOiIyNTgiLCJGb250U2V0dGluZ3MiOnsiJGlkIjoiMjU5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2IiwiTGluZUNvbG9yIjpudWxsLCJMaW5lV2VpZ2h0IjowLjAsIkxpbmVUeXBlIjowLCJQYXJlbnRTdHlsZSI6bnVsbH0sIlBhcmVudFN0eWxlIjp7IiRyZWYiOiI4MSJ9fSwiRHVyYXRpb25TdHlsZSI6eyIkaWQiOiIyNjciLCJGb250U2V0dGluZ3MiOnsiJGlkIjoiMjY4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Y5IiwiTGluZUNvbG9yIjpudWxsLCJMaW5lV2VpZ2h0IjowLjAsIkxpbmVUeXBlIjowLCJQYXJlbnRTdHlsZSI6bnVsbH0sIlBhcmVudFN0eWxlIjp7IiRyZWYiOiI4OCJ9fSwiSG9yaXpvbnRhbENvbm5lY3RvclN0eWxlIjp7IiRpZCI6IjI3MCIsIkxpbmVDb2xvciI6eyIkcmVmIjoiOTYifSwiTGluZVdlaWdodCI6MS4wLCJMaW5lVHlwZSI6MCwiUGFyZW50U3R5bGUiOnsiJHJlZiI6Ijk1In19LCJWZXJ0aWNhbENvbm5lY3RvclN0eWxlIjp7IiRpZCI6IjI3MS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yNzIiLCJNYXJnaW4iOnsiJHJlZiI6IjEwMiJ9LCJQYWRkaW5nIjp7IiRyZWYiOiIxMDMifSwiQmFja2dyb3VuZCI6eyIkaWQiOiIyNzMiLCJDb2xvciI6eyIkaWQiOiIyNzQiLCJBIjoyNTUsIlIiOjY4LCJHIjoxMTQsIkIiOjE5Nn19LCJJc1Zpc2libGUiOnRydWUsIldpZHRoIjowLjAsIkhlaWdodCI6MTYuMCwiQm9yZGVyU3R5bGUiOnsiJGlkIjoiMjc1IiwiTGluZUNvbG9yIjp7IiRyZWYiOiIxMDUifSwiTGluZVdlaWdodCI6MC4wLCJMaW5lVHlwZSI6MCwiUGFyZW50U3R5bGUiOnsiJHJlZiI6IjEwNCJ9fSwiUGFyZW50U3R5bGUiOnsiJHJlZiI6IjEwMSJ9fSwiVGl0bGVTdHlsZSI6eyIkaWQiOiIyNzYiLCJGb250U2V0dGluZ3MiOnsiJGlkIjoiMjc3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3OCIsIkxpbmVDb2xvciI6bnVsbCwiTGluZVdlaWdodCI6MC4wLCJMaW5lVHlwZSI6MCwiUGFyZW50U3R5bGUiOm51bGx9LCJQYXJlbnRTdHlsZSI6eyIkcmVmIjoiMTA3In19LCJEYXRlU3R5bGUiOnsiJGlkIjoiMjc5IiwiRm9udFNldHRpbmdzIjp7IiRpZCI6IjI4M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DciLCJMaW5lQ29sb3IiOm51bGwsIkxpbmVXZWlnaHQiOjAuMCwiTGluZVR5cGUiOjAsIlBhcmVudFN0eWxlIjpudWxsfSwiUGFyZW50U3R5bGUiOnsiJHJlZiI6IjgxIn19LCJEdXJhdGlvblN0eWxlIjp7IiRpZCI6IjI4OCIsIkZvbnRTZXR0aW5ncyI6eyIkaWQiOiIyO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TAiLCJMaW5lQ29sb3IiOm51bGwsIkxpbmVXZWlnaHQiOjAuMCwiTGluZVR5cGUiOjAsIlBhcmVudFN0eWxlIjpudWxsfSwiUGFyZW50U3R5bGUiOnsiJHJlZiI6Ijg4In19LCJIb3Jpem9udGFsQ29ubmVjdG9yU3R5bGUiOnsiJGlkIjoiMjkxIiwiTGluZUNvbG9yIjp7IiRyZWYiOiI5NiJ9LCJMaW5lV2VpZ2h0IjoxLjAsIkxpbmVUeXBlIjowLCJQYXJlbnRTdHlsZSI6eyIkcmVmIjoiOTUifX0sIlZlcnRpY2FsQ29ubmVjdG9yU3R5bGUiOnsiJGlkIjoiMjkyIiwiTGluZUNvbG9yIjp7IiRyZWYiOiI5OSJ9LCJMaW5lV2VpZ2h0IjoxLjAsIkxpbmVUeXBlIjowLCJQYXJlbnRTdHlsZSI6eyIkcmVmIjoiOTgifX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I5MyIsIk1hcmdpbiI6eyIkcmVmIjoiMTAyIn0sIlBhZGRpbmciOnsiJHJlZiI6IjEwMyJ9LCJCYWNrZ3JvdW5kIjp7IiRpZCI6IjI5NCIsIkNvbG9yIjp7IiRpZCI6IjI5NSIsIkEiOjI1NSwiUiI6MTEyLCJHIjoxNzMsIkIiOjcxfX0sIklzVmlzaWJsZSI6dHJ1ZSwiV2lkdGgiOjAuMCwiSGVpZ2h0IjoxNi4wLCJCb3JkZXJTdHlsZSI6eyIkaWQiOiIyOTYiLCJMaW5lQ29sb3IiOnsiJHJlZiI6IjEwNSJ9LCJMaW5lV2VpZ2h0IjowLjAsIkxpbmVUeXBlIjowLCJQYXJlbnRTdHlsZSI6eyIkcmVmIjoiMTA0In19LCJQYXJlbnRTdHlsZSI6eyIkcmVmIjoiMTAxIn19LCJUaXRsZVN0eWxlIjp7IiRpZCI6IjI5NyIsIkZvbnRTZXR0aW5ncyI6eyIkaWQiOiIyO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k5IiwiTGluZUNvbG9yIjpudWxsLCJMaW5lV2VpZ2h0IjowLjAsIkxpbmVUeXBlIjowLCJQYXJlbnRTdHlsZSI6bnVsbH0sIlBhcmVudFN0eWxlIjp7IiRyZWYiOiIxMDcifX0sIkRhdGVTdHlsZSI6eyIkaWQiOiIzMDAiLCJGb250U2V0dGluZ3MiOnsiJGlkIjoiMz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GUtREUiLCJTdHlsZU5hbWUiOiJQaGFzZXMiLCJJc1RlbXBsYXRlIjpmYWxzZSwiVmVyc2lvbiI6eyIkaWQiOiIyIiwiVmVyc2lvbiI6IjMuMC4xIiwiT3JpZ2luYWxBc3NlbWJseVZlcnNpb24iOiIzLjAxLjA2LjAwIiwiRWRpdGlvbiI6IkJhc2ljIiwiSXNQbHVz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5MiwiRyI6ODAsIkIiOjc3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CwiRyI6MCwiQiI6MH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xOTIsIkIiOjB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w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zEsIkciOjczLCJCIjoxMjZ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kL00veXl5eSIsIlNlcGFyYXRvciI6Ii8iLCJVc2VJbnRlcm5hdGlvbmFsRGF0ZUZvcm1hdCI6dHJ1ZX0sIklzVmlzaWJsZSI6dHJ1ZSwiUGFyZW50U3R5bGUiOm51bGx9LCJEZWZhdWx0VGFza1N0eWxlIjp7IiRpZCI6IjgwIiwiU2hhcGUiOjA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k2MC4wLCJNYXhIZWlnaHQiOiJJbmZpbml0eSIsIlNtYXJ0Rm9yZWdyb3VuZElzQWN0aXZlIjpmYWxzZSwiSG9yaXpvbnRhbEFsaWdubWVudCI6MS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zMSwiRyI6NzMsIkIiOjEy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yMzcsIkciOjEyNSwiQiI6NDl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aWQiOiIxMjkiLCJDb2xvciI6eyIkaWQiOiIxMzAiLCJBIjoyNTUsIlIiOjIzNywiRyI6MTI1LCJCIjo0OX19LCJJc1Zpc2libGUiOnRydWUsIldpZHRoIjoxOC4wLCJIZWlnaHQiOjIwLjAsIkJvcmRlclN0eWxlIjp7IiRpZCI6IjEzMSIsIkxpbmVDb2xvciI6eyIkcmVmIjoiNjMifSwiTGluZVdlaWdodCI6MC4wLCJMaW5lVHlwZSI6MCwiUGFyZW50U3R5bGUiOnsiJHJlZiI6IjYyIn19LCJQYXJlbnRTdHlsZSI6eyIkcmVmIjoiNTkifX0sIlRpdGxlU3R5bGUiOnsiJGlkIjoiMTMyIiwiRm9udFNldHRpbmdzIjp7IiRpZCI6IjEz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xIiwiTGluZUNvbG9yIjpudWxsLCJMaW5lV2VpZ2h0IjowLjAsIkxpbmVUeXBlIjowLCJQYXJlbnRTdHlsZSI6bnVsbH0sIlBhcmVudFN0eWxlIjp7IiRyZWYiOiI2NSJ9fSwiRGF0ZVN0eWxlIjp7IiRpZCI6IjE1MiIsIkZvbnRTZXR0aW5ncyI6eyIkaWQiOiIxNTM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YxIiwiTGluZUNvbG9yIjpudWxsLCJMaW5lV2VpZ2h0IjowLjAsIkxpbmVUeXBlIjowLCJQYXJlbnRTdHlsZSI6bnVsbH0sIlBhcmVudFN0eWxlIjp7IiRyZWYiOiI4MSJ9fSwiRHVyYXRpb25TdHlsZSI6eyIkaWQiOiIxNjIiLCJGb250U2V0dGluZ3MiOnsiJGlkIjoiMTYz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Y0IiwiTGluZUNvbG9yIjpudWxsLCJMaW5lV2VpZ2h0IjowLjAsIkxpbmVUeXBlIjowLCJQYXJlbnRTdHlsZSI6bnVsbH0sIlBhcmVudFN0eWxlIjp7IiRyZWYiOiI4OCJ9fSwiSG9yaXpvbnRhbENvbm5lY3RvclN0eWxlIjp7IiRpZCI6IjE2NSIsIkxpbmVDb2xvciI6eyIkcmVmIjoiOTYifSwiTGluZVdlaWdodCI6MS4wLCJMaW5lVHlwZSI6MCwiUGFyZW50U3R5bGUiOnsiJHJlZiI6Ijk1In19LCJWZXJ0aWNhbENvbm5lY3RvclN0eWxlIjp7IiRpZCI6IjE2Ni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xNjciLCJNYXJnaW4iOnsiJHJlZiI6IjEwMiJ9LCJQYWRkaW5nIjp7IiRyZWYiOiIxMDMifSwiQmFja2dyb3VuZCI6eyIkaWQiOiIxNjgiLCJDb2xvciI6eyIkaWQiOiIxNjkiLCJBIjoyNTUsIlIiOjAsIkciOjExNCwiQiI6MTg4fX0sIklzVmlzaWJsZSI6dHJ1ZSwiV2lkdGgiOjAuMCwiSGVpZ2h0IjoxNi4wLCJCb3JkZXJTdHlsZSI6eyIkaWQiOiIxNzAiLCJMaW5lQ29sb3IiOnsiJHJlZiI6IjEwNSJ9LCJMaW5lV2VpZ2h0IjowLjAsIkxpbmVUeXBlIjowLCJQYXJlbnRTdHlsZSI6eyIkcmVmIjoiMTA0In19LCJQYXJlbnRTdHlsZSI6eyIkcmVmIjoiMTAxIn19LCJUaXRsZVN0eWxlIjp7IiRpZCI6IjE3MSIsIkZvbnRTZXR0aW5ncyI6eyIkaWQiOiIxNzI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TczIiwiTGluZUNvbG9yIjpudWxsLCJMaW5lV2VpZ2h0IjowLjAsIkxpbmVUeXBlIjowLCJQYXJlbnRTdHlsZSI6bnVsbH0sIlBhcmVudFN0eWxlIjp7IiRyZWYiOiIxMDcifX0sIkRhdGVTdHlsZSI6eyIkaWQiOiIxNzQiLCJGb250U2V0dGluZ3MiOnsiJGlkIjoiMTc1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4MiIsIkxpbmVDb2xvciI6bnVsbCwiTGluZVdlaWdodCI6MC4wLCJMaW5lVHlwZSI6MCwiUGFyZW50U3R5bGUiOm51bGx9LCJQYXJlbnRTdHlsZSI6eyIkcmVmIjoiODEifX0sIkR1cmF0aW9uU3R5bGUiOnsiJGlkIjoiMTgzIiwiRm9udFNldHRpbmdzIjp7IiRpZCI6IjE4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xOTQiLCJMaW5lQ29sb3IiOm51bGwsIkxpbmVXZWlnaHQiOjAuMCwiTGluZVR5cGUiOjAsIlBhcmVudFN0eWxlIjpudWxsfSwiUGFyZW50U3R5bGUiOnsiJHJlZiI6IjEwNyJ9fSwiRGF0ZVN0eWxlIjp7IiRpZCI6IjE5NSIsIkZvbnRTZXR0aW5ncyI6eyIkaWQiOiIxOT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DMiLCJMaW5lQ29sb3IiOm51bGwsIkxpbmVXZWlnaHQiOjAuMCwiTGluZVR5cGUiOjAsIlBhcmVudFN0eWxlIjpudWxsfSwiUGFyZW50U3R5bGUiOnsiJHJlZiI6IjgxIn19LCJEdXJhdGlvblN0eWxlIjp7IiRpZCI6IjIwNCIsIkZvbnRTZXR0aW5ncyI6eyIkaWQiOiIyMD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DYiLCJMaW5lQ29sb3IiOm51bGwsIkxpbmVXZWlnaHQiOjAuMCwiTGluZVR5cGUiOjAsIlBhcmVudFN0eWxlIjpudWxsfSwiUGFyZW50U3R5bGUiOnsiJHJlZiI6Ijg4In19LCJIb3Jpem9udGFsQ29ubmVjdG9yU3R5bGUiOnsiJGlkIjoiMjA3IiwiTGluZUNvbG9yIjp7IiRyZWYiOiI5NiJ9LCJMaW5lV2VpZ2h0IjoxLjAsIkxpbmVUeXBlIjowLCJQYXJlbnRTdHlsZSI6eyIkcmVmIjoiOTUifX0sIlZlcnRpY2FsQ29ubmVjdG9yU3R5bGUiOnsiJGlkIjoiMjA4IiwiTGluZUNvbG9yIjp7IiRyZWYiOiI5OSJ9LCJMaW5lV2VpZ2h0IjoxLjAsIkxpbmVUeXBlIjowLCJQYXJlbnRTdHlsZSI6eyIkcmVmIjoiOTgifX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IwOSIsIk1hcmdpbiI6eyIkcmVmIjoiMTAyIn0sIlBhZGRpbmciOnsiJHJlZiI6IjEwMyJ9LCJCYWNrZ3JvdW5kIjp7IiRpZCI6IjIxMCIsIkNvbG9yIjp7IiRpZCI6IjIxMSIsIkEiOjI1NSwiUiI6MTY1LCJHIjoxNjUsIkIiOjE2NX19LCJJc1Zpc2libGUiOnRydWUsIldpZHRoIjowLjAsIkhlaWdodCI6MTYuMCwiQm9yZGVyU3R5bGUiOnsiJGlkIjoiMjEyIiwiTGluZUNvbG9yIjp7IiRyZWYiOiIxMDUifSwiTGluZVdlaWdodCI6MC4wLCJMaW5lVHlwZSI6MCwiUGFyZW50U3R5bGUiOnsiJHJlZiI6IjEwNCJ9fSwiUGFyZW50U3R5bGUiOnsiJHJlZiI6IjEwMSJ9fSwiVGl0bGVTdHlsZSI6eyIkaWQiOiIyMTMiLCJGb250U2V0dGluZ3MiOnsiJGlkIjoiMjE0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xNSIsIkxpbmVDb2xvciI6bnVsbCwiTGluZVdlaWdodCI6MC4wLCJMaW5lVHlwZSI6MCwiUGFyZW50U3R5bGUiOm51bGx9LCJQYXJlbnRTdHlsZSI6eyIkcmVmIjoiMTA3In19LCJEYXRlU3R5bGUiOnsiJGlkIjoiMjE2IiwiRm9udFNldHRpbmdzIjp7IiRpZCI6IjIx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jQiLCJMaW5lQ29sb3IiOm51bGwsIkxpbmVXZWlnaHQiOjAuMCwiTGluZVR5cGUiOjAsIlBhcmVudFN0eWxlIjpudWxsfSwiUGFyZW50U3R5bGUiOnsiJHJlZiI6IjgxIn19LCJEdXJhdGlvblN0eWxlIjp7IiRpZCI6IjIyNSIsIkZvbnRTZXR0aW5ncyI6eyIkaWQiOiIyMjY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jciLCJMaW5lQ29sb3IiOm51bGwsIkxpbmVXZWlnaHQiOjAuMCwiTGluZVR5cGUiOjAsIlBhcmVudFN0eWxlIjpudWxsfSwiUGFyZW50U3R5bGUiOnsiJHJlZiI6Ijg4In19LCJIb3Jpem9udGFsQ29ubmVjdG9yU3R5bGUiOnsiJGlkIjoiMjI4IiwiTGluZUNvbG9yIjp7IiRyZWYiOiI5NiJ9LCJMaW5lV2VpZ2h0IjoxLjAsIkxpbmVUeXBlIjowLCJQYXJlbnRTdHlsZSI6eyIkcmVmIjoiOTUifX0sIlZlcnRpY2FsQ29ubmVjdG9yU3R5bGUiOnsiJGlkIjoiMjI5IiwiTGluZUNvbG9yIjp7IiRyZWYiOiI5OSJ9LCJMaW5lV2VpZ2h0IjoxLjAsIkxpbmVUeXBlIjowLCJQYXJlbnRTdHlsZSI6eyIkcmVmIjoiOTgifX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IzMCIsIk1hcmdpbiI6eyIkcmVmIjoiMTAyIn0sIlBhZGRpbmciOnsiJHJlZiI6IjEwMyJ9LCJCYWNrZ3JvdW5kIjp7IiRpZCI6IjIzMSIsIkNvbG9yIjp7IiRpZCI6IjIzMiIsIkEiOjI1NSwiUiI6MjU1LCJHIjoxOTIsIkIiOjB9fSwiSXNWaXNpYmxlIjp0cnVlLCJXaWR0aCI6MC4wLCJIZWlnaHQiOjE2LjAsIkJvcmRlclN0eWxlIjp7IiRpZCI6IjIzMyIsIkxpbmVDb2xvciI6eyIkcmVmIjoiMTA1In0sIkxpbmVXZWlnaHQiOjAuMCwiTGluZVR5cGUiOjAsIlBhcmVudFN0eWxlIjp7IiRyZWYiOiIxMDQifX0sIlBhcmVudFN0eWxlIjp7IiRyZWYiOiIxMDEifX0sIlRpdGxlU3R5bGUiOnsiJGlkIjoiMjM0IiwiRm9udFNldHRpbmdzIjp7IiRpZCI6IjIzNS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MzYiLCJMaW5lQ29sb3IiOm51bGwsIkxpbmVXZWlnaHQiOjAuMCwiTGluZVR5cGUiOjAsIlBhcmVudFN0eWxlIjpudWxsfSwiUGFyZW50U3R5bGUiOnsiJHJlZiI6IjEwNyJ9fSwiRGF0ZVN0eWxlIjp7IiRpZCI6IjIzNyIsIkZvbnRTZXR0aW5ncyI6eyIkaWQiOiIyMzg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UiLCJMaW5lQ29sb3IiOm51bGwsIkxpbmVXZWlnaHQiOjAuMCwiTGluZVR5cGUiOjAsIlBhcmVudFN0eWxlIjpudWxsfSwiUGFyZW50U3R5bGUiOnsiJHJlZiI6IjgxIn19LCJEdXJhdGlvblN0eWxlIjp7IiRpZCI6IjI0NiIsIkZvbnRTZXR0aW5ncyI6eyIkaWQiOiIyND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DgiLCJMaW5lQ29sb3IiOm51bGwsIkxpbmVXZWlnaHQiOjAuMCwiTGluZVR5cGUiOjAsIlBhcmVudFN0eWxlIjpudWxsfSwiUGFyZW50U3R5bGUiOnsiJHJlZiI6Ijg4In19LCJIb3Jpem9udGFsQ29ubmVjdG9yU3R5bGUiOnsiJGlkIjoiMjQ5IiwiTGluZUNvbG9yIjp7IiRyZWYiOiI5NiJ9LCJMaW5lV2VpZ2h0IjoxLjAsIkxpbmVUeXBlIjowLCJQYXJlbnRTdHlsZSI6eyIkcmVmIjoiOTUifX0sIlZlcnRpY2FsQ29ubmVjdG9yU3R5bGUiOnsiJGlkIjoiMjUwIiwiTGluZUNvbG9yIjp7IiRyZWYiOiI5OSJ9LCJMaW5lV2VpZ2h0IjoxLjAsIkxpbmVUeXBlIjowLCJQYXJlbnRTdHlsZSI6eyIkcmVmIjoiOTgifX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I1MSIsIk1hcmdpbiI6eyIkcmVmIjoiMTAyIn0sIlBhZGRpbmciOnsiJHJlZiI6IjEwMyJ9LCJCYWNrZ3JvdW5kIjp7IiRpZCI6IjI1MiIsIkNvbG9yIjp7IiRpZCI6IjI1MyIsIkEiOjI1NSwiUiI6NjgsIkciOjExNCwiQiI6MTk2fX0sIklzVmlzaWJsZSI6dHJ1ZSwiV2lkdGgiOjAuMCwiSGVpZ2h0IjoxNi4wLCJCb3JkZXJTdHlsZSI6eyIkaWQiOiIyNTQiLCJMaW5lQ29sb3IiOnsiJHJlZiI6IjEwNSJ9LCJMaW5lV2VpZ2h0IjowLjAsIkxpbmVUeXBlIjowLCJQYXJlbnRTdHlsZSI6eyIkcmVmIjoiMTA0In19LCJQYXJlbnRTdHlsZSI6eyIkcmVmIjoiMTAxIn19LCJUaXRsZVN0eWxlIjp7IiRpZCI6IjI1NSIsIkZvbnRTZXR0aW5ncyI6eyIkaWQiOiIyNTY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U3IiwiTGluZUNvbG9yIjpudWxsLCJMaW5lV2VpZ2h0IjowLjAsIkxpbmVUeXBlIjowLCJQYXJlbnRTdHlsZSI6bnVsbH0sIlBhcmVudFN0eWxlIjp7IiRyZWYiOiIxMDcifX0sIkRhdGVTdHlsZSI6eyIkaWQiOiIyNTgiLCJGb250U2V0dGluZ3MiOnsiJGlkIjoiMjU5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2NiIsIkxpbmVDb2xvciI6bnVsbCwiTGluZVdlaWdodCI6MC4wLCJMaW5lVHlwZSI6MCwiUGFyZW50U3R5bGUiOm51bGx9LCJQYXJlbnRTdHlsZSI6eyIkcmVmIjoiODEifX0sIkR1cmF0aW9uU3R5bGUiOnsiJGlkIjoiMjY3IiwiRm9udFNldHRpbmdzIjp7IiRpZCI6IjI2O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zgiLCJMaW5lQ29sb3IiOm51bGwsIkxpbmVXZWlnaHQiOjAuMCwiTGluZVR5cGUiOjAsIlBhcmVudFN0eWxlIjpudWxsfSwiUGFyZW50U3R5bGUiOnsiJHJlZiI6IjEwNyJ9fSwiRGF0ZVN0eWxlIjp7IiRpZCI6IjI3OSIsIkZvbnRTZXR0aW5ncyI6eyIkaWQiOiIyODA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X0="/>
  <p:tag name="__MASTER" val="__part_0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HDOfficeLightV0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67000"/>
                <a:satMod val="105000"/>
                <a:lumMod val="110000"/>
              </a:schemeClr>
            </a:gs>
            <a:gs pos="50000">
              <a:schemeClr val="phClr">
                <a:tint val="73000"/>
                <a:satMod val="103000"/>
                <a:lumMod val="105000"/>
              </a:schemeClr>
            </a:gs>
            <a:gs pos="100000">
              <a:schemeClr val="phClr">
                <a:tint val="81000"/>
                <a:satMod val="109000"/>
                <a:lumMod val="105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4000"/>
                <a:satMod val="103000"/>
                <a:lumMod val="102000"/>
              </a:schemeClr>
            </a:gs>
            <a:gs pos="50000">
              <a:schemeClr val="phClr">
                <a:shade val="100000"/>
                <a:satMod val="110000"/>
                <a:lumMod val="100000"/>
              </a:schemeClr>
            </a:gs>
            <a:gs pos="100000">
              <a:schemeClr val="phClr">
                <a:shade val="78000"/>
                <a:satMod val="120000"/>
                <a:lumMod val="99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hade val="98000"/>
                <a:satMod val="150000"/>
                <a:lumMod val="102000"/>
              </a:schemeClr>
            </a:gs>
            <a:gs pos="50000">
              <a:schemeClr val="phClr">
                <a:tint val="98000"/>
                <a:shade val="90000"/>
                <a:satMod val="13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1_HDOfficeLightV0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67000"/>
                <a:satMod val="105000"/>
                <a:lumMod val="110000"/>
              </a:schemeClr>
            </a:gs>
            <a:gs pos="50000">
              <a:schemeClr val="phClr">
                <a:tint val="73000"/>
                <a:satMod val="103000"/>
                <a:lumMod val="105000"/>
              </a:schemeClr>
            </a:gs>
            <a:gs pos="100000">
              <a:schemeClr val="phClr">
                <a:tint val="81000"/>
                <a:satMod val="109000"/>
                <a:lumMod val="105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4000"/>
                <a:satMod val="103000"/>
                <a:lumMod val="102000"/>
              </a:schemeClr>
            </a:gs>
            <a:gs pos="50000">
              <a:schemeClr val="phClr">
                <a:shade val="100000"/>
                <a:satMod val="110000"/>
                <a:lumMod val="100000"/>
              </a:schemeClr>
            </a:gs>
            <a:gs pos="100000">
              <a:schemeClr val="phClr">
                <a:shade val="78000"/>
                <a:satMod val="120000"/>
                <a:lumMod val="99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hade val="98000"/>
                <a:satMod val="150000"/>
                <a:lumMod val="102000"/>
              </a:schemeClr>
            </a:gs>
            <a:gs pos="50000">
              <a:schemeClr val="phClr">
                <a:tint val="98000"/>
                <a:shade val="90000"/>
                <a:satMod val="13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2_HDOfficeLightV0">
  <a:themeElements>
    <a:clrScheme name="Office 2007-2010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67000"/>
                <a:satMod val="105000"/>
                <a:lumMod val="110000"/>
              </a:schemeClr>
            </a:gs>
            <a:gs pos="50000">
              <a:schemeClr val="phClr">
                <a:tint val="73000"/>
                <a:satMod val="103000"/>
                <a:lumMod val="105000"/>
              </a:schemeClr>
            </a:gs>
            <a:gs pos="100000">
              <a:schemeClr val="phClr">
                <a:tint val="81000"/>
                <a:satMod val="109000"/>
                <a:lumMod val="105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4000"/>
                <a:satMod val="103000"/>
                <a:lumMod val="102000"/>
              </a:schemeClr>
            </a:gs>
            <a:gs pos="50000">
              <a:schemeClr val="phClr">
                <a:shade val="100000"/>
                <a:satMod val="110000"/>
                <a:lumMod val="100000"/>
              </a:schemeClr>
            </a:gs>
            <a:gs pos="100000">
              <a:schemeClr val="phClr">
                <a:shade val="78000"/>
                <a:satMod val="120000"/>
                <a:lumMod val="99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hade val="98000"/>
                <a:satMod val="150000"/>
                <a:lumMod val="102000"/>
              </a:schemeClr>
            </a:gs>
            <a:gs pos="50000">
              <a:schemeClr val="phClr">
                <a:tint val="98000"/>
                <a:shade val="90000"/>
                <a:satMod val="13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</a:theme>
</file>

<file path=ppt/theme/theme4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Ion</Template>
  <TotalTime>459</TotalTime>
  <Words>321</Words>
  <Application>Microsoft Office PowerPoint</Application>
  <PresentationFormat>Widescreen</PresentationFormat>
  <Paragraphs>99</Paragraphs>
  <Slides>12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3</vt:i4>
      </vt:variant>
      <vt:variant>
        <vt:lpstr>Slide Titles</vt:lpstr>
      </vt:variant>
      <vt:variant>
        <vt:i4>12</vt:i4>
      </vt:variant>
    </vt:vector>
  </HeadingPairs>
  <TitlesOfParts>
    <vt:vector size="22" baseType="lpstr">
      <vt:lpstr>Calibri</vt:lpstr>
      <vt:lpstr>Calibri Light</vt:lpstr>
      <vt:lpstr>Cambria Math</vt:lpstr>
      <vt:lpstr>Gentium Basic</vt:lpstr>
      <vt:lpstr>Linux Libertine Display G</vt:lpstr>
      <vt:lpstr>Tw Cen MT Condensed</vt:lpstr>
      <vt:lpstr>Wingdings 2</vt:lpstr>
      <vt:lpstr>HDOfficeLightV0</vt:lpstr>
      <vt:lpstr>1_HDOfficeLightV0</vt:lpstr>
      <vt:lpstr>2_HDOfficeLightV0</vt:lpstr>
      <vt:lpstr>IMAGE RECONSTRUCTION FROM DVS</vt:lpstr>
      <vt:lpstr>PowerPoint Presentation</vt:lpstr>
      <vt:lpstr>PowerPoint Presentation</vt:lpstr>
      <vt:lpstr>PowerPoint Presentation</vt:lpstr>
      <vt:lpstr>Camera simulation</vt:lpstr>
      <vt:lpstr>Reconstruction</vt:lpstr>
      <vt:lpstr>tracking in 1d</vt:lpstr>
      <vt:lpstr>PowerPoint Presentation</vt:lpstr>
      <vt:lpstr>tracking: we’ve got an event!</vt:lpstr>
      <vt:lpstr>tracking: we’ve got an event!</vt:lpstr>
      <vt:lpstr>tracking: we’ve got an event!</vt:lpstr>
      <vt:lpstr>Reconstruction (low resolution)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MmuOTwcgDq@student.ethz.ch</dc:creator>
  <cp:lastModifiedBy>MmuOTwcgDq@student.ethz.ch</cp:lastModifiedBy>
  <cp:revision>31</cp:revision>
  <dcterms:created xsi:type="dcterms:W3CDTF">2015-04-11T14:48:31Z</dcterms:created>
  <dcterms:modified xsi:type="dcterms:W3CDTF">2015-04-13T07:56:27Z</dcterms:modified>
</cp:coreProperties>
</file>